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8" autoAdjust="0"/>
    <p:restoredTop sz="94660"/>
  </p:normalViewPr>
  <p:slideViewPr>
    <p:cSldViewPr snapToGrid="0">
      <p:cViewPr varScale="1">
        <p:scale>
          <a:sx n="98" d="100"/>
          <a:sy n="98" d="100"/>
        </p:scale>
        <p:origin x="102" y="3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58841E-D452-BC8C-1BF8-E7A72A5697A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3EBE762-1351-5920-C722-4F7A2C2577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E442F7-AA07-EAB2-72AE-1501014C26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76EAE0-141B-FA01-BC92-B1BB180AE4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D103B4-1326-78F4-66DA-D0BBEEC30C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50807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862949-A512-2328-1295-FB03001419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E53B531-2006-BA48-67F8-92E86EAF4D5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91C4F0-7DED-4E36-F309-611B5E93D0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820F22-07BE-F6EF-0F38-794193217B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5B043A8-075D-5CBD-4D25-2E2C7CBB61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75815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5CC205-9BC7-F578-9002-DEED6A42F87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F18BC7D-169B-CE96-8A43-3D87C3A8E17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447ED2-1DF2-CFF0-8972-2B603878E9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E9CB67-2B61-8A10-9CFE-EF0F5B2627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81B2D0-C1DD-8F5A-58FB-1EFCB2E927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38383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FBE473-7B02-1C95-E616-798AE6A0CD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97A3A-E406-D908-B8B5-1DDD7EE9A9D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2D63A2-27A1-8920-5396-F4C0D6CB16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7F35C0-5250-D6A6-2982-92E2022216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B8BAB1-6D7D-5A80-ECE5-00FB165D6C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0527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EFAACF-FA5F-C00A-47FA-2C65C42840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D206CE2-2074-99D5-111B-73097EB1700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BE447B-CC92-A4AD-2242-7B9B36E817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9FC979-3BF1-AE1D-333B-C8971CE425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B3B2F4-8891-734F-B5DA-AF4951ADB1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8592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5819A3-20A0-145F-901B-6760998E7D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78CA6B-9BE3-A2FA-2032-DC48D6B5274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A4BA5AA-F979-B9D8-72DD-10CC69D335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E914D1-5A45-726D-9B51-86EE78592D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9A7706-DF43-81BB-369C-CB151CDEB4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C7F1E7-F909-5224-EAD1-579507D105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27348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304898-BB62-435E-F1F7-68C7CA3F82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6D827C5-B8C5-E45B-8EAA-3DB0F711CC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216C63-0260-A6A8-F2DB-9E1A6331F8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6DB07B7-F159-F917-CB5F-8445C487F0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14C8C60-9CF5-43C4-7E2F-9FBE681B248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747374A-3A3B-EF2B-11A0-E9A84569E3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516C656-F070-62AD-1CF9-3B3C23E44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9294636-EE81-9974-914C-05E534E101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3235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2A4F95-165D-CDAB-EBCC-7A9F1B731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FCD4C35-69D7-C0C1-294F-8ED1789ED7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C83DBE6-37F8-E438-5954-5E64201070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55817B7-1C95-2B32-F31C-D79877263F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17556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46AEFA3-39D3-619F-B123-D8B5B5B9AE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FF2F458-211A-82B5-6DE7-964D3A92D4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BD2B02-8529-F32A-3DF2-85685389B9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09312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94268B-8BAE-C37C-51C6-32B3630465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C3CBBB-F11C-412D-4D54-DDB21B577C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64EB18-39C8-5E3F-C550-610882D4594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AE5ABA-12EB-125E-868E-B951804ED7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9E2B71-0361-442F-F414-DC4AB30C75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6C0C15-2E0D-3F3C-9263-F05A783FEF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3915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CEB7D3-C5C3-1EDC-0ED1-E2C2AD3D9D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9693D2D-32AC-3E33-7093-D19D4DDD5C3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34F9EA-5C4F-6CE6-5DE4-42B29B5AC6F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155494-8D20-882C-C0C5-14F8BFE3B7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9C8811A-6CFC-6920-D084-725452983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465597-480B-D092-0553-16EBD64157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50855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C875AF9-BC38-581D-89ED-CB4E9DF313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2D8081-8DC9-9806-E25B-DECA47BBF6C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7AACAC-40A2-FCF5-8EC5-02A2E6C7CFF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159689-8F90-44CF-966B-A1058EE347E3}" type="datetimeFigureOut">
              <a:rPr lang="en-US" smtClean="0"/>
              <a:t>1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F6DDC5-7146-69C0-9052-73359B11F75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7FCAB-8149-C7DF-D39C-140855AB9FE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F7DAE7-9894-4FF6-8369-B3A9A93EF35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5250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2A_5f07bcf84411444c8a84a71d8dc085f3_BackgroundRectangle">
            <a:extLst>
              <a:ext uri="{FF2B5EF4-FFF2-40B4-BE49-F238E27FC236}">
                <a16:creationId xmlns:a16="http://schemas.microsoft.com/office/drawing/2014/main" id="{80F84554-A0CD-2F44-4D42-06C579FB362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29926" y="2424091"/>
            <a:ext cx="10922000" cy="956056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9126a7aaa7d3418a8a5f453cfb075f76_BackgroundRectangle">
            <a:extLst>
              <a:ext uri="{FF2B5EF4-FFF2-40B4-BE49-F238E27FC236}">
                <a16:creationId xmlns:a16="http://schemas.microsoft.com/office/drawing/2014/main" id="{240198C4-F3F5-FC4F-20AA-617199D433E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29926" y="3443647"/>
            <a:ext cx="10922000" cy="279400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2A_8a4afd3d444340e99a88c6b600ffa015_BackgroundRectangle">
            <a:extLst>
              <a:ext uri="{FF2B5EF4-FFF2-40B4-BE49-F238E27FC236}">
                <a16:creationId xmlns:a16="http://schemas.microsoft.com/office/drawing/2014/main" id="{ECA5D7D2-C27A-D3EC-F529-F71AEB32759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29926" y="3723047"/>
            <a:ext cx="10922000" cy="747437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2A_6168b281d78642b9ae917b472bfbafc2_BackgroundRectangle">
            <a:extLst>
              <a:ext uri="{FF2B5EF4-FFF2-40B4-BE49-F238E27FC236}">
                <a16:creationId xmlns:a16="http://schemas.microsoft.com/office/drawing/2014/main" id="{3901E553-8D05-2E8D-5CC8-56F287DE116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29926" y="4533984"/>
            <a:ext cx="10922000" cy="538819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5d32e06093fd48438f28fe6aca090842_BackgroundRectangle">
            <a:extLst>
              <a:ext uri="{FF2B5EF4-FFF2-40B4-BE49-F238E27FC236}">
                <a16:creationId xmlns:a16="http://schemas.microsoft.com/office/drawing/2014/main" id="{34996F58-3BDC-57DC-B73C-F8C7D2B6B8A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36303"/>
            <a:ext cx="11290300" cy="612690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4e4647d5d27045f182d01e2ee75edaf3_BackgroundRectangle">
            <a:extLst>
              <a:ext uri="{FF2B5EF4-FFF2-40B4-BE49-F238E27FC236}">
                <a16:creationId xmlns:a16="http://schemas.microsoft.com/office/drawing/2014/main" id="{350C269D-F76F-0DE3-3F0C-CCA38E81C4B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958848"/>
            <a:ext cx="11290300" cy="401743"/>
          </a:xfrm>
          <a:prstGeom prst="rect">
            <a:avLst/>
          </a:prstGeom>
          <a:solidFill>
            <a:srgbClr val="DDDDD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5" name="OTLSHAPE_SL2AL_00000000000000000000000000000000_ShapeBelow0">
            <a:extLst>
              <a:ext uri="{FF2B5EF4-FFF2-40B4-BE49-F238E27FC236}">
                <a16:creationId xmlns:a16="http://schemas.microsoft.com/office/drawing/2014/main" id="{2945A420-A8BB-81CF-406C-88626EFB019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29926" y="3723047"/>
            <a:ext cx="10917608" cy="0"/>
          </a:xfrm>
          <a:prstGeom prst="line">
            <a:avLst/>
          </a:prstGeom>
          <a:ln w="7620" cap="flat" cmpd="sng" algn="ctr">
            <a:solidFill>
              <a:srgbClr val="AFABAB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D_35cd6c7fb93a486886cca1ed4d44eceb_Line">
            <a:extLst>
              <a:ext uri="{FF2B5EF4-FFF2-40B4-BE49-F238E27FC236}">
                <a16:creationId xmlns:a16="http://schemas.microsoft.com/office/drawing/2014/main" id="{2316FE42-2BF4-2CAB-5675-D79E76F859D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953688" y="2756069"/>
            <a:ext cx="160277" cy="810939"/>
          </a:xfrm>
          <a:custGeom>
            <a:avLst/>
            <a:gdLst/>
            <a:ahLst/>
            <a:cxnLst/>
            <a:rect l="0" t="0" r="0" b="0"/>
            <a:pathLst>
              <a:path w="160277" h="810939">
                <a:moveTo>
                  <a:pt x="103126" y="0"/>
                </a:moveTo>
                <a:lnTo>
                  <a:pt x="160276" y="0"/>
                </a:lnTo>
                <a:lnTo>
                  <a:pt x="160276" y="104310"/>
                </a:lnTo>
                <a:lnTo>
                  <a:pt x="0" y="104310"/>
                </a:lnTo>
                <a:lnTo>
                  <a:pt x="0" y="810938"/>
                </a:lnTo>
                <a:lnTo>
                  <a:pt x="103344" y="810938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D_4f4eb775f79947289026552239318e24_Line">
            <a:extLst>
              <a:ext uri="{FF2B5EF4-FFF2-40B4-BE49-F238E27FC236}">
                <a16:creationId xmlns:a16="http://schemas.microsoft.com/office/drawing/2014/main" id="{99BDC1DA-CF31-E7C6-BF63-8A3D02BAA7B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897264" y="3567007"/>
            <a:ext cx="160277" cy="279401"/>
          </a:xfrm>
          <a:custGeom>
            <a:avLst/>
            <a:gdLst/>
            <a:ahLst/>
            <a:cxnLst/>
            <a:rect l="0" t="0" r="0" b="0"/>
            <a:pathLst>
              <a:path w="160277" h="279401">
                <a:moveTo>
                  <a:pt x="103126" y="0"/>
                </a:moveTo>
                <a:lnTo>
                  <a:pt x="160276" y="0"/>
                </a:lnTo>
                <a:lnTo>
                  <a:pt x="160276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D_951afecb361641d0a67cf10d331e968f_Line">
            <a:extLst>
              <a:ext uri="{FF2B5EF4-FFF2-40B4-BE49-F238E27FC236}">
                <a16:creationId xmlns:a16="http://schemas.microsoft.com/office/drawing/2014/main" id="{BF509333-F87F-4CA8-BB4C-72ABE01CEEE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784416" y="3846407"/>
            <a:ext cx="160277" cy="1099397"/>
          </a:xfrm>
          <a:custGeom>
            <a:avLst/>
            <a:gdLst/>
            <a:ahLst/>
            <a:cxnLst/>
            <a:rect l="0" t="0" r="0" b="0"/>
            <a:pathLst>
              <a:path w="160277" h="1099397">
                <a:moveTo>
                  <a:pt x="103126" y="0"/>
                </a:moveTo>
                <a:lnTo>
                  <a:pt x="160276" y="0"/>
                </a:lnTo>
                <a:lnTo>
                  <a:pt x="160276" y="104309"/>
                </a:lnTo>
                <a:lnTo>
                  <a:pt x="0" y="104309"/>
                </a:lnTo>
                <a:lnTo>
                  <a:pt x="0" y="1099396"/>
                </a:lnTo>
                <a:lnTo>
                  <a:pt x="103344" y="1099396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D_6aae50a8ec2f44758bc331bb4f68a1f5_Line">
            <a:extLst>
              <a:ext uri="{FF2B5EF4-FFF2-40B4-BE49-F238E27FC236}">
                <a16:creationId xmlns:a16="http://schemas.microsoft.com/office/drawing/2014/main" id="{A50178B3-BA11-CC60-AA71-18260776DEF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12730" y="4945803"/>
            <a:ext cx="1629778" cy="602320"/>
          </a:xfrm>
          <a:custGeom>
            <a:avLst/>
            <a:gdLst/>
            <a:ahLst/>
            <a:cxnLst/>
            <a:rect l="0" t="0" r="0" b="0"/>
            <a:pathLst>
              <a:path w="1629778" h="602320">
                <a:moveTo>
                  <a:pt x="57150" y="0"/>
                </a:moveTo>
                <a:lnTo>
                  <a:pt x="0" y="0"/>
                </a:lnTo>
                <a:lnTo>
                  <a:pt x="0" y="602319"/>
                </a:lnTo>
                <a:lnTo>
                  <a:pt x="1629777" y="6023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D_b7ee0be74a8c4f29ac5f5e22d7804727_Line">
            <a:extLst>
              <a:ext uri="{FF2B5EF4-FFF2-40B4-BE49-F238E27FC236}">
                <a16:creationId xmlns:a16="http://schemas.microsoft.com/office/drawing/2014/main" id="{665EE28B-ACF5-BF3F-975D-50A64B505D1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381062" y="2547451"/>
            <a:ext cx="160276" cy="208619"/>
          </a:xfrm>
          <a:custGeom>
            <a:avLst/>
            <a:gdLst/>
            <a:ahLst/>
            <a:cxnLst/>
            <a:rect l="0" t="0" r="0" b="0"/>
            <a:pathLst>
              <a:path w="160276" h="208619">
                <a:moveTo>
                  <a:pt x="103125" y="0"/>
                </a:moveTo>
                <a:lnTo>
                  <a:pt x="160275" y="0"/>
                </a:lnTo>
                <a:lnTo>
                  <a:pt x="160275" y="104309"/>
                </a:lnTo>
                <a:lnTo>
                  <a:pt x="0" y="104309"/>
                </a:lnTo>
                <a:lnTo>
                  <a:pt x="0" y="208618"/>
                </a:lnTo>
                <a:lnTo>
                  <a:pt x="103344" y="208618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D_0a23597d0d8d4fb5a9890921aacccfcd_Line">
            <a:extLst>
              <a:ext uri="{FF2B5EF4-FFF2-40B4-BE49-F238E27FC236}">
                <a16:creationId xmlns:a16="http://schemas.microsoft.com/office/drawing/2014/main" id="{5045D5F1-5513-8E0F-5F92-7767E2E0116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63904" y="2159720"/>
            <a:ext cx="133351" cy="387732"/>
          </a:xfrm>
          <a:custGeom>
            <a:avLst/>
            <a:gdLst/>
            <a:ahLst/>
            <a:cxnLst/>
            <a:rect l="0" t="0" r="0" b="0"/>
            <a:pathLst>
              <a:path w="133351" h="387732">
                <a:moveTo>
                  <a:pt x="57150" y="0"/>
                </a:moveTo>
                <a:lnTo>
                  <a:pt x="0" y="0"/>
                </a:lnTo>
                <a:lnTo>
                  <a:pt x="0" y="387731"/>
                </a:lnTo>
                <a:lnTo>
                  <a:pt x="133350" y="387731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D_b5dfd919fba0437989a8ca392a01dd14_Line">
            <a:extLst>
              <a:ext uri="{FF2B5EF4-FFF2-40B4-BE49-F238E27FC236}">
                <a16:creationId xmlns:a16="http://schemas.microsoft.com/office/drawing/2014/main" id="{E6CBA5A5-CC8D-06AB-1A50-8722977263F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403744" y="4945803"/>
            <a:ext cx="57151" cy="475320"/>
          </a:xfrm>
          <a:custGeom>
            <a:avLst/>
            <a:gdLst/>
            <a:ahLst/>
            <a:cxnLst/>
            <a:rect l="0" t="0" r="0" b="0"/>
            <a:pathLst>
              <a:path w="57151" h="475320">
                <a:moveTo>
                  <a:pt x="0" y="0"/>
                </a:moveTo>
                <a:lnTo>
                  <a:pt x="57150" y="0"/>
                </a:lnTo>
                <a:lnTo>
                  <a:pt x="57150" y="107950"/>
                </a:lnTo>
                <a:lnTo>
                  <a:pt x="0" y="107950"/>
                </a:lnTo>
                <a:lnTo>
                  <a:pt x="0" y="475319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3BB8142E-04BB-FDFD-079B-FEBA762F226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82728" y="1371600"/>
            <a:ext cx="10071100" cy="182880"/>
          </a:xfrm>
          <a:prstGeom prst="round2SameRect">
            <a:avLst/>
          </a:prstGeom>
          <a:solidFill>
            <a:srgbClr val="313D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MiddleScaleContainer">
            <a:extLst>
              <a:ext uri="{FF2B5EF4-FFF2-40B4-BE49-F238E27FC236}">
                <a16:creationId xmlns:a16="http://schemas.microsoft.com/office/drawing/2014/main" id="{12CBEA37-BB6A-7265-2D28-5C46269E94A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82728" y="1563624"/>
            <a:ext cx="10071100" cy="182880"/>
          </a:xfrm>
          <a:prstGeom prst="rect">
            <a:avLst/>
          </a:prstGeom>
          <a:solidFill>
            <a:srgbClr val="6279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afbe64a745754d829518e919803c1e56_HeaderRectangle">
            <a:extLst>
              <a:ext uri="{FF2B5EF4-FFF2-40B4-BE49-F238E27FC236}">
                <a16:creationId xmlns:a16="http://schemas.microsoft.com/office/drawing/2014/main" id="{BEC64B67-9E93-7941-0171-524B789FB2C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424091"/>
            <a:ext cx="368300" cy="956056"/>
          </a:xfrm>
          <a:prstGeom prst="rect">
            <a:avLst/>
          </a:prstGeom>
          <a:solidFill>
            <a:srgbClr val="3572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205f1f434f43403481bb3c91116660af_HeaderRectangle">
            <a:extLst>
              <a:ext uri="{FF2B5EF4-FFF2-40B4-BE49-F238E27FC236}">
                <a16:creationId xmlns:a16="http://schemas.microsoft.com/office/drawing/2014/main" id="{B92A6A37-273C-3A24-5C79-DB2F56723C2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443647"/>
            <a:ext cx="368300" cy="1026837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_cf3495a3aabb4977b4d018938b367372_HeaderRectangle">
            <a:extLst>
              <a:ext uri="{FF2B5EF4-FFF2-40B4-BE49-F238E27FC236}">
                <a16:creationId xmlns:a16="http://schemas.microsoft.com/office/drawing/2014/main" id="{B0376489-E69C-0DE4-61D2-041AB70E7F1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533984"/>
            <a:ext cx="368300" cy="538819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2A_5f07bcf84411444c8a84a71d8dc085f3_HeaderRectangle">
            <a:extLst>
              <a:ext uri="{FF2B5EF4-FFF2-40B4-BE49-F238E27FC236}">
                <a16:creationId xmlns:a16="http://schemas.microsoft.com/office/drawing/2014/main" id="{B3EC41C5-3B7E-454A-F081-DE37AE86B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29926" y="2424091"/>
            <a:ext cx="736600" cy="956056"/>
          </a:xfrm>
          <a:prstGeom prst="rect">
            <a:avLst/>
          </a:prstGeom>
          <a:solidFill>
            <a:srgbClr val="35729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9126a7aaa7d3418a8a5f453cfb075f76_HeaderRectangle">
            <a:extLst>
              <a:ext uri="{FF2B5EF4-FFF2-40B4-BE49-F238E27FC236}">
                <a16:creationId xmlns:a16="http://schemas.microsoft.com/office/drawing/2014/main" id="{B7D00415-5EB6-4D9D-8E04-AF8D5D34C9B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29926" y="3443647"/>
            <a:ext cx="7366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2A_8a4afd3d444340e99a88c6b600ffa015_HeaderRectangle">
            <a:extLst>
              <a:ext uri="{FF2B5EF4-FFF2-40B4-BE49-F238E27FC236}">
                <a16:creationId xmlns:a16="http://schemas.microsoft.com/office/drawing/2014/main" id="{87762A85-B747-B37D-2921-F5CD6CCB707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29926" y="3723047"/>
            <a:ext cx="736600" cy="747437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2A_6168b281d78642b9ae917b472bfbafc2_HeaderRectangle">
            <a:extLst>
              <a:ext uri="{FF2B5EF4-FFF2-40B4-BE49-F238E27FC236}">
                <a16:creationId xmlns:a16="http://schemas.microsoft.com/office/drawing/2014/main" id="{021ECF1E-B004-69CD-BD33-683FE9FD5D3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29926" y="4533984"/>
            <a:ext cx="736600" cy="538819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5d32e06093fd48438f28fe6aca090842_HeaderRectangle">
            <a:extLst>
              <a:ext uri="{FF2B5EF4-FFF2-40B4-BE49-F238E27FC236}">
                <a16:creationId xmlns:a16="http://schemas.microsoft.com/office/drawing/2014/main" id="{4F814214-97E7-83E4-1535-6A858DF46AC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5136303"/>
            <a:ext cx="1104900" cy="612690"/>
          </a:xfrm>
          <a:prstGeom prst="rect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4e4647d5d27045f182d01e2ee75edaf3_HeaderRectangle">
            <a:extLst>
              <a:ext uri="{FF2B5EF4-FFF2-40B4-BE49-F238E27FC236}">
                <a16:creationId xmlns:a16="http://schemas.microsoft.com/office/drawing/2014/main" id="{8A6A3327-821C-8D91-64FA-7C612D4885A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1958848"/>
            <a:ext cx="1104900" cy="401743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56b1b7107316475990f6fdc9fd25c75b_Shape">
            <a:extLst>
              <a:ext uri="{FF2B5EF4-FFF2-40B4-BE49-F238E27FC236}">
                <a16:creationId xmlns:a16="http://schemas.microsoft.com/office/drawing/2014/main" id="{D1D17779-B087-C9CC-9665-2C4B890205F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84406" y="2670810"/>
            <a:ext cx="15748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DCBD0"/>
          </a:solidFill>
          <a:ln w="11430" cap="flat" cmpd="sng" algn="ctr">
            <a:solidFill>
              <a:srgbClr val="DE3232"/>
            </a:solidFill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T_25679784fa9c4ac8840c1688e3922ac4_Shape">
            <a:extLst>
              <a:ext uri="{FF2B5EF4-FFF2-40B4-BE49-F238E27FC236}">
                <a16:creationId xmlns:a16="http://schemas.microsoft.com/office/drawing/2014/main" id="{B3A908E6-D2C3-1D57-FCB0-D76151DF79A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57032" y="3481747"/>
            <a:ext cx="9525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DCBD0"/>
          </a:solidFill>
          <a:ln w="11430" cap="flat" cmpd="sng" algn="ctr">
            <a:solidFill>
              <a:srgbClr val="DE3232"/>
            </a:solidFill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66d8b460e3de4ffbbd80a1905cd64a87_Shape">
            <a:extLst>
              <a:ext uri="{FF2B5EF4-FFF2-40B4-BE49-F238E27FC236}">
                <a16:creationId xmlns:a16="http://schemas.microsoft.com/office/drawing/2014/main" id="{661EEEAE-B081-1BE8-D79F-E163AA25462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000608" y="3761147"/>
            <a:ext cx="18923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DCBD0"/>
          </a:solidFill>
          <a:ln w="11430" cap="flat" cmpd="sng" algn="ctr">
            <a:solidFill>
              <a:srgbClr val="DE3232"/>
            </a:solidFill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T_caba96a476d343ae9b8373c316513bfd_Shape">
            <a:extLst>
              <a:ext uri="{FF2B5EF4-FFF2-40B4-BE49-F238E27FC236}">
                <a16:creationId xmlns:a16="http://schemas.microsoft.com/office/drawing/2014/main" id="{D755AE10-54AA-AA23-D822-4EF1B331C2B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597254" y="3167888"/>
            <a:ext cx="3784600" cy="170519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T_72f27c99eabd4f05a608134d35a7d366_Shape">
            <a:extLst>
              <a:ext uri="{FF2B5EF4-FFF2-40B4-BE49-F238E27FC236}">
                <a16:creationId xmlns:a16="http://schemas.microsoft.com/office/drawing/2014/main" id="{A499FCE8-412F-67B5-CDC2-5CDA1F69C2F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540830" y="4258225"/>
            <a:ext cx="1270000" cy="170519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030a18842e9849d9b0636a1d7e3cda97_Shape">
            <a:extLst>
              <a:ext uri="{FF2B5EF4-FFF2-40B4-BE49-F238E27FC236}">
                <a16:creationId xmlns:a16="http://schemas.microsoft.com/office/drawing/2014/main" id="{3487FA7A-83E3-05FC-B1FA-25620C51195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057032" y="4258225"/>
            <a:ext cx="3149600" cy="170519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T_82eeeadb221c4beb96c7648a99c774ac_Shape">
            <a:extLst>
              <a:ext uri="{FF2B5EF4-FFF2-40B4-BE49-F238E27FC236}">
                <a16:creationId xmlns:a16="http://schemas.microsoft.com/office/drawing/2014/main" id="{41E7B3AE-549E-EE02-9571-38FC86ABF7B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169880" y="4860544"/>
            <a:ext cx="3149600" cy="170519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143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1430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T_c6bf9e58cf8044b8b3d28126feed809d_Shape">
            <a:extLst>
              <a:ext uri="{FF2B5EF4-FFF2-40B4-BE49-F238E27FC236}">
                <a16:creationId xmlns:a16="http://schemas.microsoft.com/office/drawing/2014/main" id="{B7E7900A-FD6A-F26A-C506-94C181AB133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742507" y="5462863"/>
            <a:ext cx="1574800" cy="170519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T_dba145c746974da4a1daf813eb9c4191_Shape">
            <a:extLst>
              <a:ext uri="{FF2B5EF4-FFF2-40B4-BE49-F238E27FC236}">
                <a16:creationId xmlns:a16="http://schemas.microsoft.com/office/drawing/2014/main" id="{8106F9C7-E904-3F25-78E6-C72F8B28A37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887760" y="4860544"/>
            <a:ext cx="25273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DCBD0"/>
          </a:solidFill>
          <a:ln w="11430">
            <a:solidFill>
              <a:srgbClr val="DE3232"/>
            </a:solidFill>
          </a:ln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72fc1c5df5234eff947ad3a886130acd_Shape">
            <a:extLst>
              <a:ext uri="{FF2B5EF4-FFF2-40B4-BE49-F238E27FC236}">
                <a16:creationId xmlns:a16="http://schemas.microsoft.com/office/drawing/2014/main" id="{2D02FB57-E3C2-73DE-5F1A-685A5509F1F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97254" y="2462191"/>
            <a:ext cx="18923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DCBD0"/>
          </a:solidFill>
          <a:ln w="11430" cap="flat" cmpd="sng" algn="ctr">
            <a:solidFill>
              <a:srgbClr val="DE3232"/>
            </a:solidFill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01d5f24fdf8d4e6f954638a4ab19bcb7_Shape">
            <a:extLst>
              <a:ext uri="{FF2B5EF4-FFF2-40B4-BE49-F238E27FC236}">
                <a16:creationId xmlns:a16="http://schemas.microsoft.com/office/drawing/2014/main" id="{DCB71308-9E2A-5437-FF61-E1052DDB9C9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89444" y="5421122"/>
            <a:ext cx="228600" cy="254000"/>
          </a:xfrm>
          <a:prstGeom prst="star8">
            <a:avLst/>
          </a:prstGeom>
          <a:solidFill>
            <a:srgbClr val="FDCBD0"/>
          </a:solidFill>
          <a:ln w="11430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c1124b1f9168418f8aedcc5906c4e675_Shape">
            <a:extLst>
              <a:ext uri="{FF2B5EF4-FFF2-40B4-BE49-F238E27FC236}">
                <a16:creationId xmlns:a16="http://schemas.microsoft.com/office/drawing/2014/main" id="{B0290D70-9C7D-DFEE-7A4D-9793C3683ED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521054" y="207082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DCBD0"/>
          </a:solidFill>
          <a:ln w="11430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_afbe64a745754d829518e919803c1e56_Header">
            <a:extLst>
              <a:ext uri="{FF2B5EF4-FFF2-40B4-BE49-F238E27FC236}">
                <a16:creationId xmlns:a16="http://schemas.microsoft.com/office/drawing/2014/main" id="{DEDA3A65-B73A-5F37-37D5-7BBC4AEA572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 rot="16200000">
            <a:off x="-231315" y="2809092"/>
            <a:ext cx="956056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68" name="OTLSHAPE_SL_205f1f434f43403481bb3c91116660af_Header">
            <a:extLst>
              <a:ext uri="{FF2B5EF4-FFF2-40B4-BE49-F238E27FC236}">
                <a16:creationId xmlns:a16="http://schemas.microsoft.com/office/drawing/2014/main" id="{3A5985A2-82B6-FE22-DF3F-522BBE79B9F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 rot="16200000">
            <a:off x="-266706" y="3864039"/>
            <a:ext cx="102683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71" name="OTLSHAPE_SL_cf3495a3aabb4977b4d018938b367372_Header">
            <a:extLst>
              <a:ext uri="{FF2B5EF4-FFF2-40B4-BE49-F238E27FC236}">
                <a16:creationId xmlns:a16="http://schemas.microsoft.com/office/drawing/2014/main" id="{BACFAC60-B30A-D9FD-8B9B-8B0C3CBAA77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 rot="16200000">
            <a:off x="-22696" y="4710366"/>
            <a:ext cx="53881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81" name="OTLSHAPE_SL2A_5f07bcf84411444c8a84a71d8dc085f3_Header">
            <a:extLst>
              <a:ext uri="{FF2B5EF4-FFF2-40B4-BE49-F238E27FC236}">
                <a16:creationId xmlns:a16="http://schemas.microsoft.com/office/drawing/2014/main" id="{FE1E8286-D2AA-D86B-99BD-98B1F82AD06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93426" y="281686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eam 1</a:t>
            </a:r>
          </a:p>
        </p:txBody>
      </p:sp>
      <p:sp>
        <p:nvSpPr>
          <p:cNvPr id="130" name="OTLSHAPE_SL2A_9126a7aaa7d3418a8a5f453cfb075f76_Header">
            <a:extLst>
              <a:ext uri="{FF2B5EF4-FFF2-40B4-BE49-F238E27FC236}">
                <a16:creationId xmlns:a16="http://schemas.microsoft.com/office/drawing/2014/main" id="{158FA69E-1EA4-7E6B-BEF2-ADA9611DD6C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93426" y="349808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eam 2</a:t>
            </a:r>
          </a:p>
        </p:txBody>
      </p:sp>
      <p:sp>
        <p:nvSpPr>
          <p:cNvPr id="212" name="OTLSHAPE_SL2A_8a4afd3d444340e99a88c6b600ffa015_Header">
            <a:extLst>
              <a:ext uri="{FF2B5EF4-FFF2-40B4-BE49-F238E27FC236}">
                <a16:creationId xmlns:a16="http://schemas.microsoft.com/office/drawing/2014/main" id="{7E08651A-EFAD-B949-729D-1C3339F4B13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93426" y="401150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eam 3</a:t>
            </a:r>
          </a:p>
        </p:txBody>
      </p:sp>
      <p:sp>
        <p:nvSpPr>
          <p:cNvPr id="218" name="OTLSHAPE_SL2A_6168b281d78642b9ae917b472bfbafc2_Header">
            <a:extLst>
              <a:ext uri="{FF2B5EF4-FFF2-40B4-BE49-F238E27FC236}">
                <a16:creationId xmlns:a16="http://schemas.microsoft.com/office/drawing/2014/main" id="{372DA2F9-C63A-3739-B00A-0727663F37D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93426" y="47181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Team 4</a:t>
            </a:r>
          </a:p>
        </p:txBody>
      </p:sp>
      <p:sp>
        <p:nvSpPr>
          <p:cNvPr id="6" name="OTLSHAPE_SL_5d32e06093fd48438f28fe6aca090842_Header">
            <a:extLst>
              <a:ext uri="{FF2B5EF4-FFF2-40B4-BE49-F238E27FC236}">
                <a16:creationId xmlns:a16="http://schemas.microsoft.com/office/drawing/2014/main" id="{C141E505-8717-1D5A-F8B9-D54CF8F4512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349621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48" name="OTLSHAPE_SL_4e4647d5d27045f182d01e2ee75edaf3_Header">
            <a:extLst>
              <a:ext uri="{FF2B5EF4-FFF2-40B4-BE49-F238E27FC236}">
                <a16:creationId xmlns:a16="http://schemas.microsoft.com/office/drawing/2014/main" id="{DC1966CE-B0D9-9752-B3E5-1E8A86ED068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06669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379E6F25-1458-0325-9D1B-203212108F1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346228" y="1354518"/>
            <a:ext cx="41511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7" name="OTLSHAPE_TB_00000000000000000000000000000000_MiddleTimescaleInterval1">
            <a:extLst>
              <a:ext uri="{FF2B5EF4-FFF2-40B4-BE49-F238E27FC236}">
                <a16:creationId xmlns:a16="http://schemas.microsoft.com/office/drawing/2014/main" id="{1A11F9F4-8C60-236C-C4CD-641D7EE65F1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346228" y="1562037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Thu</a:t>
            </a:r>
          </a:p>
        </p:txBody>
      </p:sp>
      <p:sp>
        <p:nvSpPr>
          <p:cNvPr id="99" name="OTLSHAPE_SLT_56b1b7107316475990f6fdc9fd25c75b_Title">
            <a:extLst>
              <a:ext uri="{FF2B5EF4-FFF2-40B4-BE49-F238E27FC236}">
                <a16:creationId xmlns:a16="http://schemas.microsoft.com/office/drawing/2014/main" id="{A107C720-E2E2-007A-53B9-EDCF072153C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094249" y="267081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rgbClr val="B20E12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100" name="OTLSHAPE_SLT_56b1b7107316475990f6fdc9fd25c75b_Duration">
            <a:extLst>
              <a:ext uri="{FF2B5EF4-FFF2-40B4-BE49-F238E27FC236}">
                <a16:creationId xmlns:a16="http://schemas.microsoft.com/office/drawing/2014/main" id="{FE8ECCED-9D3D-BF79-683A-FF16A7D5B8F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158414" y="2678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5E5E5E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7" name="OTLSHAPE_SLT_25679784fa9c4ac8840c1688e3922ac4_Duration">
            <a:extLst>
              <a:ext uri="{FF2B5EF4-FFF2-40B4-BE49-F238E27FC236}">
                <a16:creationId xmlns:a16="http://schemas.microsoft.com/office/drawing/2014/main" id="{D2227FA7-2BBF-1DAC-89E8-1677506C140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101990" y="348949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5E5E5E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8" name="OTLSHAPE_SLT_25679784fa9c4ac8840c1688e3922ac4_Title">
            <a:extLst>
              <a:ext uri="{FF2B5EF4-FFF2-40B4-BE49-F238E27FC236}">
                <a16:creationId xmlns:a16="http://schemas.microsoft.com/office/drawing/2014/main" id="{63C54D0A-6200-F8BF-9515-9B4A48ED56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352350" y="348174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rgbClr val="B20E12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26" name="OTLSHAPE_SLT_66d8b460e3de4ffbbd80a1905cd64a87_Duration">
            <a:extLst>
              <a:ext uri="{FF2B5EF4-FFF2-40B4-BE49-F238E27FC236}">
                <a16:creationId xmlns:a16="http://schemas.microsoft.com/office/drawing/2014/main" id="{F15E8728-EE52-784E-A638-A071C427C44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989142" y="376889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5E5E5E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7" name="OTLSHAPE_SLT_66d8b460e3de4ffbbd80a1905cd64a87_Title">
            <a:extLst>
              <a:ext uri="{FF2B5EF4-FFF2-40B4-BE49-F238E27FC236}">
                <a16:creationId xmlns:a16="http://schemas.microsoft.com/office/drawing/2014/main" id="{2B6FEA22-C033-5197-899F-5513C7079F3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767714" y="376114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rgbClr val="B20E12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143" name="OTLSHAPE_SLT_caba96a476d343ae9b8373c316513bfd_Title">
            <a:extLst>
              <a:ext uri="{FF2B5EF4-FFF2-40B4-BE49-F238E27FC236}">
                <a16:creationId xmlns:a16="http://schemas.microsoft.com/office/drawing/2014/main" id="{F606BC4C-53CD-71F0-8946-C2B7F4CF384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307936" y="316788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144" name="OTLSHAPE_SLT_caba96a476d343ae9b8373c316513bfd_Duration">
            <a:extLst>
              <a:ext uri="{FF2B5EF4-FFF2-40B4-BE49-F238E27FC236}">
                <a16:creationId xmlns:a16="http://schemas.microsoft.com/office/drawing/2014/main" id="{A0689741-CFB9-059F-CB68-5545A9C896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422139" y="31756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5E5E5E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1" name="OTLSHAPE_SLT_72f27c99eabd4f05a608134d35a7d366_Duration">
            <a:extLst>
              <a:ext uri="{FF2B5EF4-FFF2-40B4-BE49-F238E27FC236}">
                <a16:creationId xmlns:a16="http://schemas.microsoft.com/office/drawing/2014/main" id="{320EDAC6-B55A-FA0F-F80B-DC13031B07E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165799" y="42659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5E5E5E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52" name="OTLSHAPE_SLT_72f27c99eabd4f05a608134d35a7d366_Title">
            <a:extLst>
              <a:ext uri="{FF2B5EF4-FFF2-40B4-BE49-F238E27FC236}">
                <a16:creationId xmlns:a16="http://schemas.microsoft.com/office/drawing/2014/main" id="{DE6BF495-0B7A-EFB5-BF59-51D5B4890E1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993410" y="425822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247" name="OTLSHAPE_SLT_030a18842e9849d9b0636a1d7e3cda97_Duration">
            <a:extLst>
              <a:ext uri="{FF2B5EF4-FFF2-40B4-BE49-F238E27FC236}">
                <a16:creationId xmlns:a16="http://schemas.microsoft.com/office/drawing/2014/main" id="{0D1DDC1E-140A-928A-0148-980676B1BB6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52867" y="42659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48" name="OTLSHAPE_SLT_030a18842e9849d9b0636a1d7e3cda97_Title">
            <a:extLst>
              <a:ext uri="{FF2B5EF4-FFF2-40B4-BE49-F238E27FC236}">
                <a16:creationId xmlns:a16="http://schemas.microsoft.com/office/drawing/2014/main" id="{E9EB4727-BA39-5810-19F8-30EF62019C6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453189" y="425822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258" name="OTLSHAPE_SLT_82eeeadb221c4beb96c7648a99c774ac_Duration">
            <a:extLst>
              <a:ext uri="{FF2B5EF4-FFF2-40B4-BE49-F238E27FC236}">
                <a16:creationId xmlns:a16="http://schemas.microsoft.com/office/drawing/2014/main" id="{9CBFDAEA-C0BA-0C1D-36D7-82D3F4B68D6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65715" y="48682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59" name="OTLSHAPE_SLT_82eeeadb221c4beb96c7648a99c774ac_Title">
            <a:extLst>
              <a:ext uri="{FF2B5EF4-FFF2-40B4-BE49-F238E27FC236}">
                <a16:creationId xmlns:a16="http://schemas.microsoft.com/office/drawing/2014/main" id="{6EBAE9E8-36C3-970E-4303-51DE1008BEB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566037" y="486054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269" name="OTLSHAPE_SLT_c6bf9e58cf8044b8b3d28126feed809d_Duration">
            <a:extLst>
              <a:ext uri="{FF2B5EF4-FFF2-40B4-BE49-F238E27FC236}">
                <a16:creationId xmlns:a16="http://schemas.microsoft.com/office/drawing/2014/main" id="{473CB62F-B705-519A-F394-08DCC890455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65715" y="54706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70" name="OTLSHAPE_SLT_c6bf9e58cf8044b8b3d28126feed809d_Title">
            <a:extLst>
              <a:ext uri="{FF2B5EF4-FFF2-40B4-BE49-F238E27FC236}">
                <a16:creationId xmlns:a16="http://schemas.microsoft.com/office/drawing/2014/main" id="{E839B122-19FB-B341-0C4A-DCA5D1FE53D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316938" y="546286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>
                <a:solidFill>
                  <a:schemeClr val="lt1"/>
                </a:solidFill>
                <a:latin typeface="Calibri" panose="020F0502020204030204" pitchFamily="34" charset="0"/>
              </a:rPr>
              <a:t>Task 10</a:t>
            </a:r>
          </a:p>
        </p:txBody>
      </p:sp>
      <p:sp>
        <p:nvSpPr>
          <p:cNvPr id="277" name="OTLSHAPE_SLT_dba145c746974da4a1daf813eb9c4191_Duration">
            <a:extLst>
              <a:ext uri="{FF2B5EF4-FFF2-40B4-BE49-F238E27FC236}">
                <a16:creationId xmlns:a16="http://schemas.microsoft.com/office/drawing/2014/main" id="{6DBFB924-D978-757E-B643-591E3D176AA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505344" y="48682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278" name="OTLSHAPE_SLT_dba145c746974da4a1daf813eb9c4191_Title">
            <a:extLst>
              <a:ext uri="{FF2B5EF4-FFF2-40B4-BE49-F238E27FC236}">
                <a16:creationId xmlns:a16="http://schemas.microsoft.com/office/drawing/2014/main" id="{EC021F13-718D-1239-DF2E-9250A4E37C3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69391" y="486054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rgbClr val="B20E12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282" name="OTLSHAPE_TB_00000000000000000000000000000000_TimescaleInterval2">
            <a:extLst>
              <a:ext uri="{FF2B5EF4-FFF2-40B4-BE49-F238E27FC236}">
                <a16:creationId xmlns:a16="http://schemas.microsoft.com/office/drawing/2014/main" id="{6F3C84CA-65E1-CF4E-6DBE-8BB6F2E7C1B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04330" y="13545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84" name="OTLSHAPE_TB_00000000000000000000000000000000_TimescaleInterval3">
            <a:extLst>
              <a:ext uri="{FF2B5EF4-FFF2-40B4-BE49-F238E27FC236}">
                <a16:creationId xmlns:a16="http://schemas.microsoft.com/office/drawing/2014/main" id="{EF3C1E45-8AAA-6DA8-5852-5966B022330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62431" y="13545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86" name="OTLSHAPE_TB_00000000000000000000000000000000_TimescaleInterval4">
            <a:extLst>
              <a:ext uri="{FF2B5EF4-FFF2-40B4-BE49-F238E27FC236}">
                <a16:creationId xmlns:a16="http://schemas.microsoft.com/office/drawing/2014/main" id="{A5DB1763-007A-4E56-CFEE-CEF435D34F3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120532" y="135451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88" name="OTLSHAPE_TB_00000000000000000000000000000000_TimescaleInterval5">
            <a:extLst>
              <a:ext uri="{FF2B5EF4-FFF2-40B4-BE49-F238E27FC236}">
                <a16:creationId xmlns:a16="http://schemas.microsoft.com/office/drawing/2014/main" id="{D74F8183-EE41-E76B-92A7-C159AEB3CE9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78633" y="135451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90" name="OTLSHAPE_TB_00000000000000000000000000000000_MiddleTimescaleInterval2">
            <a:extLst>
              <a:ext uri="{FF2B5EF4-FFF2-40B4-BE49-F238E27FC236}">
                <a16:creationId xmlns:a16="http://schemas.microsoft.com/office/drawing/2014/main" id="{007B4CA4-1E5A-010C-2E08-AA8AC457C94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604330" y="1562037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292" name="OTLSHAPE_TB_00000000000000000000000000000000_MiddleTimescaleInterval3">
            <a:extLst>
              <a:ext uri="{FF2B5EF4-FFF2-40B4-BE49-F238E27FC236}">
                <a16:creationId xmlns:a16="http://schemas.microsoft.com/office/drawing/2014/main" id="{916B8030-6E72-A760-9CD4-98C97DAA0D6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862431" y="1562037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ri</a:t>
            </a:r>
          </a:p>
        </p:txBody>
      </p:sp>
      <p:sp>
        <p:nvSpPr>
          <p:cNvPr id="294" name="OTLSHAPE_TB_00000000000000000000000000000000_MiddleTimescaleInterval4">
            <a:extLst>
              <a:ext uri="{FF2B5EF4-FFF2-40B4-BE49-F238E27FC236}">
                <a16:creationId xmlns:a16="http://schemas.microsoft.com/office/drawing/2014/main" id="{88437246-CC6D-FB56-92F1-66A75D47EEE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120532" y="1562037"/>
            <a:ext cx="2228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Tue</a:t>
            </a:r>
          </a:p>
        </p:txBody>
      </p:sp>
      <p:sp>
        <p:nvSpPr>
          <p:cNvPr id="296" name="OTLSHAPE_TB_00000000000000000000000000000000_MiddleTimescaleInterval5">
            <a:extLst>
              <a:ext uri="{FF2B5EF4-FFF2-40B4-BE49-F238E27FC236}">
                <a16:creationId xmlns:a16="http://schemas.microsoft.com/office/drawing/2014/main" id="{F31AA464-9203-C095-C7BD-AEFAC251EE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78633" y="1562037"/>
            <a:ext cx="1864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Sat</a:t>
            </a:r>
          </a:p>
        </p:txBody>
      </p:sp>
      <p:sp>
        <p:nvSpPr>
          <p:cNvPr id="298" name="OTLSHAPE_TB_00000000000000000000000000000000_MiddleTimescaleInterval6">
            <a:extLst>
              <a:ext uri="{FF2B5EF4-FFF2-40B4-BE49-F238E27FC236}">
                <a16:creationId xmlns:a16="http://schemas.microsoft.com/office/drawing/2014/main" id="{D5DA6AE0-F18E-2997-503C-A93D5936551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636735" y="1562037"/>
            <a:ext cx="2877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Wed</a:t>
            </a:r>
          </a:p>
        </p:txBody>
      </p:sp>
      <p:sp>
        <p:nvSpPr>
          <p:cNvPr id="300" name="OTLSHAPE_TB_00000000000000000000000000000000_MiddleTimescaleInterval7">
            <a:extLst>
              <a:ext uri="{FF2B5EF4-FFF2-40B4-BE49-F238E27FC236}">
                <a16:creationId xmlns:a16="http://schemas.microsoft.com/office/drawing/2014/main" id="{500982B5-758D-2DBA-D7E5-1766F87EED2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894836" y="1562037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Sun</a:t>
            </a:r>
          </a:p>
        </p:txBody>
      </p:sp>
      <p:sp>
        <p:nvSpPr>
          <p:cNvPr id="206" name="OTLSHAPE_SLT_72fc1c5df5234eff947ad3a886130acd_Duration">
            <a:extLst>
              <a:ext uri="{FF2B5EF4-FFF2-40B4-BE49-F238E27FC236}">
                <a16:creationId xmlns:a16="http://schemas.microsoft.com/office/drawing/2014/main" id="{7168933F-5A8C-6A48-FE02-DBE71653A2F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585787" y="246993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07" name="OTLSHAPE_SLT_72fc1c5df5234eff947ad3a886130acd_Title">
            <a:extLst>
              <a:ext uri="{FF2B5EF4-FFF2-40B4-BE49-F238E27FC236}">
                <a16:creationId xmlns:a16="http://schemas.microsoft.com/office/drawing/2014/main" id="{E205216D-A9E3-A913-4950-9E24515EF21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364360" y="246219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rgbClr val="B20E12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27" name="OTLSHAPE_TB_00000000000000000000000000000000_MiddleTimescaleInterval8">
            <a:extLst>
              <a:ext uri="{FF2B5EF4-FFF2-40B4-BE49-F238E27FC236}">
                <a16:creationId xmlns:a16="http://schemas.microsoft.com/office/drawing/2014/main" id="{F3C7F322-893F-3B79-9341-B55917A2A48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152937" y="1562037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Thu</a:t>
            </a:r>
          </a:p>
        </p:txBody>
      </p:sp>
      <p:sp>
        <p:nvSpPr>
          <p:cNvPr id="39" name="OTLSHAPE_SLM_01d5f24fdf8d4e6f954638a4ab19bcb7_Title">
            <a:extLst>
              <a:ext uri="{FF2B5EF4-FFF2-40B4-BE49-F238E27FC236}">
                <a16:creationId xmlns:a16="http://schemas.microsoft.com/office/drawing/2014/main" id="{47336AAB-780C-17E1-5C21-E38E3EDD60B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568844" y="53853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40" name="OTLSHAPE_SLM_01d5f24fdf8d4e6f954638a4ab19bcb7_Date">
            <a:extLst>
              <a:ext uri="{FF2B5EF4-FFF2-40B4-BE49-F238E27FC236}">
                <a16:creationId xmlns:a16="http://schemas.microsoft.com/office/drawing/2014/main" id="{5A574730-AAA6-DC07-BCC9-8BEAD044C24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568844" y="555586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5E5E5E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30" name="OTLSHAPE_TB_00000000000000000000000000000000_TimescaleInterval6">
            <a:extLst>
              <a:ext uri="{FF2B5EF4-FFF2-40B4-BE49-F238E27FC236}">
                <a16:creationId xmlns:a16="http://schemas.microsoft.com/office/drawing/2014/main" id="{A42A63A7-ADD0-B295-5CB6-9F60562B589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636735" y="135451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24" name="OTLSHAPE_TB_00000000000000000000000000000000_TimescaleInterval7">
            <a:extLst>
              <a:ext uri="{FF2B5EF4-FFF2-40B4-BE49-F238E27FC236}">
                <a16:creationId xmlns:a16="http://schemas.microsoft.com/office/drawing/2014/main" id="{61686504-AE10-E5BD-860B-AF56CBC194C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894836" y="135451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229" name="OTLSHAPE_TB_00000000000000000000000000000000_TimescaleInterval8">
            <a:extLst>
              <a:ext uri="{FF2B5EF4-FFF2-40B4-BE49-F238E27FC236}">
                <a16:creationId xmlns:a16="http://schemas.microsoft.com/office/drawing/2014/main" id="{F7C21EC2-AFFD-BD7E-4AD2-8EC0E43D288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152937" y="135451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58" name="OTLSHAPE_SLM_c1124b1f9168418f8aedcc5906c4e675_Title">
            <a:extLst>
              <a:ext uri="{FF2B5EF4-FFF2-40B4-BE49-F238E27FC236}">
                <a16:creationId xmlns:a16="http://schemas.microsoft.com/office/drawing/2014/main" id="{B48FDAF0-4120-F65A-A957-37FAC560973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724254" y="1996948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59" name="OTLSHAPE_SLM_c1124b1f9168418f8aedcc5906c4e675_Date">
            <a:extLst>
              <a:ext uri="{FF2B5EF4-FFF2-40B4-BE49-F238E27FC236}">
                <a16:creationId xmlns:a16="http://schemas.microsoft.com/office/drawing/2014/main" id="{7B66B5C7-2865-2992-64A6-5E7A27D2A95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724254" y="216746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5E5E5E"/>
                </a:solidFill>
                <a:latin typeface="Calibri" panose="020F0502020204030204" pitchFamily="34" charset="0"/>
              </a:rPr>
              <a:t>Sep 1</a:t>
            </a:r>
          </a:p>
        </p:txBody>
      </p:sp>
      <p:cxnSp>
        <p:nvCxnSpPr>
          <p:cNvPr id="281" name="OTLSHAPE_TB_00000000000000000000000000000000_Separator1">
            <a:extLst>
              <a:ext uri="{FF2B5EF4-FFF2-40B4-BE49-F238E27FC236}">
                <a16:creationId xmlns:a16="http://schemas.microsoft.com/office/drawing/2014/main" id="{210FAE30-A937-E6A9-1F44-9882A23640A7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2540826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Separator2">
            <a:extLst>
              <a:ext uri="{FF2B5EF4-FFF2-40B4-BE49-F238E27FC236}">
                <a16:creationId xmlns:a16="http://schemas.microsoft.com/office/drawing/2014/main" id="{0D78BF3D-8A71-14C9-5848-285AE050F729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3798927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TB_00000000000000000000000000000000_Separator3">
            <a:extLst>
              <a:ext uri="{FF2B5EF4-FFF2-40B4-BE49-F238E27FC236}">
                <a16:creationId xmlns:a16="http://schemas.microsoft.com/office/drawing/2014/main" id="{420CCC07-B297-74BD-7E9F-2634CC393014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057029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TB_00000000000000000000000000000000_Separator4">
            <a:extLst>
              <a:ext uri="{FF2B5EF4-FFF2-40B4-BE49-F238E27FC236}">
                <a16:creationId xmlns:a16="http://schemas.microsoft.com/office/drawing/2014/main" id="{CD2BD410-FFEE-D566-548F-005EC97E9CAE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6315130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22605778-3B3F-7724-12E5-0EE1C16FB426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2540826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2">
            <a:extLst>
              <a:ext uri="{FF2B5EF4-FFF2-40B4-BE49-F238E27FC236}">
                <a16:creationId xmlns:a16="http://schemas.microsoft.com/office/drawing/2014/main" id="{BD17449F-00CF-16D9-B6E4-BBC11337E97B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3798927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3">
            <a:extLst>
              <a:ext uri="{FF2B5EF4-FFF2-40B4-BE49-F238E27FC236}">
                <a16:creationId xmlns:a16="http://schemas.microsoft.com/office/drawing/2014/main" id="{38A2607B-E4FD-EF5F-72AC-5F9F5AA51D4B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5057029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ddleSeparator4">
            <a:extLst>
              <a:ext uri="{FF2B5EF4-FFF2-40B4-BE49-F238E27FC236}">
                <a16:creationId xmlns:a16="http://schemas.microsoft.com/office/drawing/2014/main" id="{E11BF117-BC1E-5D25-437F-37AE75B09E39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6315130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5">
            <a:extLst>
              <a:ext uri="{FF2B5EF4-FFF2-40B4-BE49-F238E27FC236}">
                <a16:creationId xmlns:a16="http://schemas.microsoft.com/office/drawing/2014/main" id="{C834CCE7-3180-4056-7E17-AB66D4D7D1E1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7573231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6">
            <a:extLst>
              <a:ext uri="{FF2B5EF4-FFF2-40B4-BE49-F238E27FC236}">
                <a16:creationId xmlns:a16="http://schemas.microsoft.com/office/drawing/2014/main" id="{D44431D2-36E0-96D5-3574-D01E148B202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8831332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ddleSeparator7">
            <a:extLst>
              <a:ext uri="{FF2B5EF4-FFF2-40B4-BE49-F238E27FC236}">
                <a16:creationId xmlns:a16="http://schemas.microsoft.com/office/drawing/2014/main" id="{7F47CC93-D9C2-1626-F860-82866063322A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10089434" y="15636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5">
            <a:extLst>
              <a:ext uri="{FF2B5EF4-FFF2-40B4-BE49-F238E27FC236}">
                <a16:creationId xmlns:a16="http://schemas.microsoft.com/office/drawing/2014/main" id="{9370436F-7E4F-EE5F-940F-518C67928121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7573231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6">
            <a:extLst>
              <a:ext uri="{FF2B5EF4-FFF2-40B4-BE49-F238E27FC236}">
                <a16:creationId xmlns:a16="http://schemas.microsoft.com/office/drawing/2014/main" id="{7F3D1771-2CAD-02A1-DD07-35C514ABD94E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8831332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Separator7">
            <a:extLst>
              <a:ext uri="{FF2B5EF4-FFF2-40B4-BE49-F238E27FC236}">
                <a16:creationId xmlns:a16="http://schemas.microsoft.com/office/drawing/2014/main" id="{02D542D9-1AE5-B1BE-C51C-B521ED5835B1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10089434" y="13716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3" name="OTLSHAPE_SLA_c80d75e34cd94510a125464932fae7e8_Shape">
            <a:extLst>
              <a:ext uri="{FF2B5EF4-FFF2-40B4-BE49-F238E27FC236}">
                <a16:creationId xmlns:a16="http://schemas.microsoft.com/office/drawing/2014/main" id="{EEE82163-015A-FD0D-F7A8-32ED5185D987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722731" y="4856903"/>
            <a:ext cx="152400" cy="177800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A_a1e9b756d25f41db84da1007869e06bc_Shape">
            <a:extLst>
              <a:ext uri="{FF2B5EF4-FFF2-40B4-BE49-F238E27FC236}">
                <a16:creationId xmlns:a16="http://schemas.microsoft.com/office/drawing/2014/main" id="{1B577E70-48A0-5197-DF5B-F3766917F9C1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666307" y="3164247"/>
            <a:ext cx="152400" cy="177800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5" name="OTLSHAPE_SLA_9cedaf62be3e4dd88712eadc70bed0d1_Shape">
            <a:extLst>
              <a:ext uri="{FF2B5EF4-FFF2-40B4-BE49-F238E27FC236}">
                <a16:creationId xmlns:a16="http://schemas.microsoft.com/office/drawing/2014/main" id="{2BE7F59B-B4F9-7D5E-783E-F30467104882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7497035" y="4254584"/>
            <a:ext cx="152400" cy="177800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A_d57c170b9b614d30b55683dcbd339d76_Shape">
            <a:extLst>
              <a:ext uri="{FF2B5EF4-FFF2-40B4-BE49-F238E27FC236}">
                <a16:creationId xmlns:a16="http://schemas.microsoft.com/office/drawing/2014/main" id="{CD37B505-3A73-1D3E-0AFE-382AF04EE5C4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5924408" y="5459222"/>
            <a:ext cx="152400" cy="177800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A_c80d75e34cd94510a125464932fae7e8_Title">
            <a:extLst>
              <a:ext uri="{FF2B5EF4-FFF2-40B4-BE49-F238E27FC236}">
                <a16:creationId xmlns:a16="http://schemas.microsoft.com/office/drawing/2014/main" id="{9A4034B7-9603-3005-0763-6C6AAAD1AF9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507635" y="4660984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60" name="OTLSHAPE_SLA_d57c170b9b614d30b55683dcbd339d76_Title">
            <a:extLst>
              <a:ext uri="{FF2B5EF4-FFF2-40B4-BE49-F238E27FC236}">
                <a16:creationId xmlns:a16="http://schemas.microsoft.com/office/drawing/2014/main" id="{61F92E89-0BE0-EBD8-A7B4-8D0B361A54C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709312" y="5263303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237" name="OTLSHAPE_SLA_a1e9b756d25f41db84da1007869e06bc_Title">
            <a:extLst>
              <a:ext uri="{FF2B5EF4-FFF2-40B4-BE49-F238E27FC236}">
                <a16:creationId xmlns:a16="http://schemas.microsoft.com/office/drawing/2014/main" id="{1102017E-31A2-CCBF-F298-5305B8B854F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451211" y="296832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393" name="OTLSHAPE_SLA_9cedaf62be3e4dd88712eadc70bed0d1_Title">
            <a:extLst>
              <a:ext uri="{FF2B5EF4-FFF2-40B4-BE49-F238E27FC236}">
                <a16:creationId xmlns:a16="http://schemas.microsoft.com/office/drawing/2014/main" id="{B2498287-4355-2865-23AA-5448C10C74B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281939" y="405866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6945BB9-4AFA-6791-EAB6-0904B5C74A66}"/>
              </a:ext>
            </a:extLst>
          </p:cNvPr>
          <p:cNvSpPr txBox="1"/>
          <p:nvPr/>
        </p:nvSpPr>
        <p:spPr>
          <a:xfrm>
            <a:off x="1166526" y="506627"/>
            <a:ext cx="53794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Critical path tracker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25247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MTEyNGIxZi05MTY4LTQxOGYtOGFlZC1jYzU5MDZjNGU2NzUiLCJJbmRleCI6MSwiR3JvdXBJZCI6bnVsbCwiVGl0bGUiOiJQcm9qZWN0IHN0YXJ0IiwiRGF0ZVRpbWUiOiIyMDIzLTA5LTAxVDAwOjAwOjAwIiwiUGVyY2VudGFnZUNvbXBsZXRlIjpudWxsLCJOb3RlIjpudWxsLCJTdHlsZSI6eyIkaWQiOiI2IiwiVGl0bGVQb3NpdGlvbiI6IlJpZ2h0IiwiRGF0ZVBvc2l0aW9uIjoiUmlnaHQiLCJTaGFwZVR5cGUiOjcsIlNoYXBlU2l6ZSI6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2FsaWJyaSIsIklzQm9sZCI6ZmFsc2UsIklzSXRhbGljIjpmYWxzZSwiSXNVbmRlcmxpbmVkIjpmYWxzZSwiUGFyZW50U3R5bGUiOm51bGx9LCJBdXRvU2l6ZSI6MCwiRm9yZWdyb3VuZCI6eyIkaWQiOiIyNSIsIkNvbG9yIjp7IiRpZCI6IjI2IiwiQSI6MjU1LCJSIjo5NCwiRyI6OTQsIkIiOjk0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0cnVlLCJUaW1lUGFydElzVmlzaWJsZSI6ZmFsc2V9fSwiV2Vla051bWJlcmluZyI6eyIkaWQiOiIzMy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VlODMzZGU1LTMyZTItNDhkZi05NjE3LTA3M2YyZmVjOTkxNCIsIkhlYWRlclRleHQiOm51bGwsIklzRGVmYXVsdCI6dHJ1ZSwiU3R5bGUiOnsiJGlkIjoiMzQiLCJIZWFkZXJTdHlsZSI6eyIkaWQiOiIzNSIsIlRleHRTdHlsZSI6eyIkaWQiOiIzNiIsIkZvbnRTZXR0aW5ncyI6eyIkaWQiOiIzNyIsIkZvbnRTaXplIjoxMSwiRm9udE5hbWUiOiJDYWxpYnJpIiwiSXNCb2xkIjpmYWxzZSwiSXNJdGFsaWMiOmZhbHNlLCJJc1VuZGVybGluZWQiOmZhbHNlLCJQYXJlbnRTdHlsZSI6bnVsbH0sIkF1dG9TaXplIjoyLCJGb3JlZ3JvdW5kIjp7IiRpZCI6IjM4IiwiQ29sb3IiOnsiJGlkIjoiMz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I1NSwiRyI6MjU1LCJCIjoyNTV9fSwiSXNWaXNpYmxlIjp0cnVlLCJXaWR0aCI6MC4wLCJIZWlnaHQiOjAuMCwiQm9yZGVyU3R5bGUiOm51bGwsIlBhcmVudFN0eWxlIjpudWxsfSwiUmVjdGFuZ2xl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C4wLCJNYXhIZWlnaHQiOjAuMC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pZCI6IjE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MCwiUiI6MjU1LCJHIjoyNTUsIkIiOjI1NX19LCJJc1Zpc2libGUiOnRydWUsIldpZHRoIjowLjAsIkhlaWdodCI6MC4wLCJCb3JkZXJTdHlsZSI6eyIkaWQiOiIxNzAiLCJMaW5lQ29sb3IiOm51bGwsIkxpbmVXZWlnaHQiOjAuMCwiTGluZVR5cGUiOjAsIlBhcmVudFN0eWxlIjpudWxsfSwiUGFyZW50U3R5bGUiOm51bGx9LCJEYXRl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wLCJSIjoyNTUsIkciOjI1NSwiQiI6MjU1fX0sIklzVmlzaWJsZSI6dHJ1ZSwiV2lkdGgiOjAuMCwiSGVpZ2h0IjowLjAsIkJvcmRlclN0eWxlIjp7IiRpZCI6IjE3OSIsIkxpbmVDb2xvciI6bnVsbCwiTGluZVdlaWdodCI6MC4wLCJMaW5lVHlwZSI6MCwiUGFyZW50U3R5bGUiOm51bGx9LCJQYXJlbnRTdHlsZSI6bnVsbH0sIkRhdGVGb3JtYXQiOnsiJGlkIjoiM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Tc4LCJHIjoxNCwiQiI6MTh9fSwiTWF4V2lkdGgiOjcyMC4wLCJNYXhIZWlnaHQiOiJJbmZpbml0eSIsIlNtYXJ0Rm9yZWdyb3VuZElzQWN0aXZlIjpmYWxzZSwiSG9yaXpvbnRhbEFsaWdubWVudCI6MS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GlkIjoiMjMxIiwiQ29sb3IiOnsiJGlkIjoiM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TdHlsZSI6eyIkaWQiOiIyNjgiLCJGb250U2V0dGluZ3MiOnsiJGlkIjoiMjY5IiwiRm9udFNpemUiOjEwLCJGb250TmFtZSI6IkNhbGlicmkiLCJJc0JvbGQiOmZhbHNlLCJJc0l0YWxpYyI6ZmFsc2UsIklzVW5kZXJsaW5lZCI6ZmFsc2UsIlBhcmVudFN0eWxlIjpudWxsfSwiQXV0b1NpemUiOjAsIkZvcmVncm91bmQiOnsiJGlkIjoiMjcwIiwiQ29sb3IiOnsiJGlkIjoiMjc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AsIlIiOjI1NSwiRyI6MjU1LCJCIjoyNTV9fSwiSXNWaXNpYmxlIjpmYWxzZSwiV2lkdGgiOjAuMCwiSGVpZ2h0IjowLjAsIkJvcmRlclN0eWxlIjp7IiRpZCI6IjI3NiIsIkxpbmVDb2xvciI6bnVsbCwiTGluZVdlaWdodCI6MC4wLCJMaW5lVHlwZSI6MCwiUGFyZW50U3R5bGUiOm51bGx9LCJQYXJlbnRTdHlsZSI6bnVsbH0sIkRhdGVGb3JtYXQiOnsiJGlkIjoiMj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GlkIjoiMjg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GlkIjoiMjkwIiwiQ29sb3IiOnsiJGlkIjoiMjkxIiwiQSI6ODksIlIiOjExNSwiRyI6MTE1LCJCIjoxMTV9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EwLCJGb250TmFtZSI6IkNhbGlicmkiLCJJc0JvbGQiOmZhbHNlLCJJc0l0YWxpYyI6ZmFsc2UsIklzVW5kZXJsaW5lZCI6ZmFsc2UsIlBhcmVudFN0eWxlIjpudWxsfSwiQXV0b1NpemUiOjAsIkZvcmVncm91bmQiOnsiJGlkIjoiMjk1IiwiQ29sb3IiOnsiJGlkIjoiMjk2IiwiQSI6MjU1LCJSIjo5NCwiRyI6OTQsIkIiOjk0fX0sIk1heFdpZHRoIjoyMDAuMCwiTWF4SGVpZ2h0IjoiSW5maW5pdHkiLCJTbWFydEZvcmVncm91bmRJc0FjdGl2ZSI6ZmFsc2UsIkhvcml6b250YWxBbGlnbm1lbnQiOjA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MCwiUiI6MjU1LCJHIjoyNTUsIkIiOjI1NX1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Gb3JtYXQiOnsiJGlkIjoiMz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pZCI6IjQzNCIsIkNvbG9yIjp7IiRpZCI6IjQz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aWQiOiI0MzkiLCJBIjo4OSwiUiI6MTE1LCJHIjoxMTUsIkIiOjExNX19LCJJc1Zpc2libGUiOnRydWUsIldpZHRoIjowLjAsIkhlaWdodCI6MC4wLCJCb3JkZXJTdHlsZSI6eyIkaWQiOiI0NDAiLCJMaW5lQ29sb3IiOm51bGwsIkxpbmVXZWlnaHQiOjAuMCwiTGluZVR5cGUiOjAsIlBhcmVudFN0eWxlIjpudWxsfSwiUGFyZW50U3R5bGUiOm51bGx9LCJEdXJhdGlvbl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aWQiOiI0NzkiLCJDb2xvciI6eyIkaWQiOiI0ODAiLCJBIjowLCJSIjoyNTUsIkciOjI1NSwiQiI6MjU1fX0sIklzVmlzaWJsZSI6dHJ1ZSwiV2lkdGgiOjAuMCwiSGVpZ2h0IjowLjAsIkJvcmRlclN0eWxlIjp7IiRpZCI6IjQ4MSIsIkxpbmVDb2xvciI6bnVsbCwiTGluZVdlaWdodCI6MC4wLCJMaW5lVHlwZSI6MCwiUGFyZW50U3R5bGUiOm51bGx9LCJQYXJlbnRTdHlsZSI6bnVsbH0sIkRhdGVGb3JtYXQiOnsiJGlkIjoiND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aWQiOiI1MjgiLCJBIjo4OSwiUiI6MTE1LCJHIjoxMTUsIkIiOjExNX19LCJJc1Zpc2libGUiOnRydWUsIldpZHRoIjowLjAsIkhlaWdodCI6MC4wLCJCb3JkZXJTdHlsZSI6eyIkaWQiOiI1MjkiLCJMaW5lQ29sb3IiOm51bGwsIkxpbmVXZWlnaHQiOjAuMCwiTGluZVR5cGUiOjAsIlBhcmVudFN0eWxlIjpudWxsfSwiUGFyZW50U3R5bGUiOm51bGx9LCJEdXJhdGlvbl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2IiwiVG9wIjowLjAsIkxlZnQiOjAuMCwiUmlnaHQiOjAuMCwiQm90dG9tIjowLjB9LCJQYWRkaW5nIjp7IiRpZCI6IjU2NyIsIlRvcCI6MC4wLCJMZWZ0IjowLjAsIlJpZ2h0IjowLjAsIkJvdHRvbSI6MC4w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mZhbHNlLCJXaWR0aCI6MC4wLCJIZWlnaHQiOjAuMCwiQm9yZGVyU3R5bGUiOnsiJGlkIjoiNjA0IiwiTGluZUNvbG9yIjpudWxsLCJMaW5lV2VpZ2h0IjowLjAsIkxpbmVUeXBlIjowLCJQYXJlbnRTdHlsZSI6bnVsbH0sIlBhcmVudFN0eWxlIjpudWxsfSwiRGF0ZUZvcm1hdCI6eyIkaWQiOiI2M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2MTYiLCJDb2xvciI6eyIkaWQiOiI2MTciLCJBIjo4OSwiUiI6MTE1LCJHIjoxMTUsIkIiOjExNX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DMifSwiUGFkZGluZyI6eyIkcmVmIjoiMTQ0In0sIkJhY2tncm91bmQiOnsiJGlkIjoiNjIzIiwiQ29sb3IiOnsiJGlkIjoiNjI0IiwiQSI6MCwiUiI6MjU1LCJHIjoyNTUsIkIiOjI1NX1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NjYifSwiUGFkZGluZyI6eyIkcmVmIjoiMTY3In0sIkJhY2tncm91bmQiOnsiJGlkIjoiNjM4IiwiQ29sb3IiOnsiJGlkIjoiNjM5IiwiQSI6MCwiUiI6MjU1LCJHIjoyNTUsIkIiOjI1NX1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pZCI6IjY0MyIsIkNvbG9yIjp7IiRpZCI6IjY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aWQiOiI2NDUiLCJDb2xvciI6eyIkaWQiOiI2NDYiLCJBIjowLCJSIjoyNTUsIkciOjI1NSwiQiI6MjU1fX0sIklzVmlzaWJsZSI6dHJ1ZSwiV2lkdGgiOjAuMCwiSGVpZ2h0IjowLjAsIkJvcmRlclN0eWxlIjp7IiRpZCI6IjY0NyIsIkxpbmVDb2xvciI6bnVsbCwiTGluZVdlaWdodCI6MC4wLCJMaW5lVHlwZSI6MCwiUGFyZW50U3R5bGUiOm51bGx9LCJQYXJlbnRTdHlsZSI6bnVsbH0sIkRhdGVGb3JtYXQiOnsiJGlkIjoiN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pZCI6IjY1NyIsIkNvbG9yIjp7IiRpZCI6IjY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5IiwiVG9wIjowLjAsIkxlZnQiOjAuMCwiUmlnaHQiOjAuMCwiQm90dG9tIjowLjB9LCJQYWRkaW5nIjp7IiRpZCI6IjY2MCIsIlRvcCI6MC4wLCJMZWZ0IjowLjAsIlJpZ2h0IjowLjAsIkJvdHRvbSI6MC4wfSwiQmFja2dyb3VuZCI6eyIkaWQiOiI2NjEiLCJDb2xvciI6eyIkaWQiOiI2NjIiLCJBIjo4OSwiUiI6MTE1LCJHIjoxMTUsIkIiOjExNX19LCJJc1Zpc2libGUiOnRydWUsIldpZHRoIjowLjAsIkhlaWdodCI6MC4wLCJCb3JkZXJTdHlsZSI6eyIkaWQiOiI2NjMiLCJMaW5lQ29sb3IiOm51bGwsIkxpbmVXZWlnaHQiOjAuMCwiTGluZVR5cGUiOjAsIlBhcmVudFN0eWxlIjpudWxsfSwiUGFyZW50U3R5bGUiOm51bGx9LCJEdXJhdGlvbl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GlkIjoiNjc0IiwiJHR5cGUiOiJOTFJFLkNvbW1vbi5Eb20uU29saWRDb2xvckJydXNoLCBOTFJFLkNvbW1vbiIsIkNvbG9yIjp7IiRpZCI6IjY3NSIsIkEiOjI1NSwiUiI6MjA0LCJHIjoyMDQsIkIiOjIwNH19LCJMaW5lV2VpZ2h0IjoxLjAsIkxpbmVUeXBlIjowLCJQYXJlbnRTdHlsZSI6bnVsbH0sIlZlcnRpY2FsQ29ubmVjdG9yU3R5bGUiOnsiJGlkIjoiNjc2IiwiTGluZUNvbG9yIjp7IiRpZCI6IjY3NyIsIiR0eXBlIjoiTkxSRS5Db21tb24uRG9tLlNvbGlkQ29sb3JCcnVzaCwgTkxSRS5Db21tb24iLCJDb2xvciI6eyIkaWQiOiI2Nzg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CIsIlRvcCI6MC4wLCJMZWZ0IjowLjAsIlJpZ2h0IjowLjAsIkJvdHRvbSI6MC4wfSwiUGFkZGluZyI6eyIkaWQiOiI3MDEiLCJUb3AiOjAuMCwiTGVmdCI6MC4wLCJSaWdodCI6MC4wLCJCb3R0b20iOjAu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EYXRlRm9ybWF0Ijp7IiRpZCI6Ijc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5MSJ9LCJQYWRkaW5nIjp7IiRyZWYiOiI1OTIifSwiQmFja2dyb3VuZCI6eyIkaWQiOiI4MTUiLCJDb2xvciI6eyIkaWQiOiI4MTYiLCJBIjowLCJSIjoyNTUsIkciOjI1NSwiQiI6MjU1fX0sIklzVmlzaWJsZSI6dHJ1ZSwiV2lkdGgiOjAuMCwiSGVpZ2h0IjowLjAsIkJvcmRlclN0eWxlIjp7IiRpZCI6IjgxNyIsIkxpbmVDb2xvciI6bnVsbCwiTGluZVdlaWdodCI6MC4wLCJMaW5lVHlwZSI6MCwiUGFyZW50U3R5bGUiOm51bGx9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aWQiOiI4NjIiLCJDb2xvciI6eyIkaWQiOiI4NjMiLCJBIjowLCJSIjoyNTUsIkciOjI1NSwiQiI6MjU1fX0sIklzVmlzaWJsZSI6dHJ1ZSwiV2lkdGgiOjAuMCwiSGVpZ2h0IjowLjAsIkJvcmRlclN0eWxlIjp7IiRpZCI6Ijg2NCIsIkxpbmVDb2xvciI6bnVsbCwiTGluZVdlaWdodCI6MC4wLCJMaW5lVHlwZSI6MCwiUGFyZW50U3R5bGUiOm51bGx9LCJQYXJlbnRTdHlsZSI6bnVsbH0sIkRhdGVGb3JtYXQiOnsiJGlkIjoiO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pZCI6IjkwMiIsIkNvbG9yIjp7IiRpZCI6IjkwMyIsIkEiOjAsIlIiOjI1NSwiRyI6MjU1LCJCIjoyNTV9fSwiSXNWaXNpYmxlIjp0cnVlLCJXaWR0aCI6MC4wLCJIZWlnaHQiOjAuMCwiQm9yZGVyU3R5bGUiOnsiJGlkIjoiOTA0IiwiTGluZUNvbG9yIjpudWxsLCJMaW5lV2VpZ2h0IjowLjAsIkxpbmVUeXBlIjowLCJQYXJlbnRTdHlsZSI6bnVsbH0sIlBhcmVudFN0eWxlIjpudWxsfSwiRGF0ZUZvcm1hdCI6eyIkaWQiOiI5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aWQiOiIxMDM2IiwiQ29sb3IiOnsiJGlkIjoiMTAzNyIsIkEiOjAsIlIiOjI1NSwiRyI6MjU1LCJCIjoyNTV9fSwiSXNWaXNpYmxlIjp0cnVlLCJXaWR0aCI6MC4wLCJIZWlnaHQiOjAuMCwiQm9yZGVyU3R5bGUiOnsiJGlkIjoiMTAzOCIsIkxpbmVDb2xvciI6bnVsbCwiTGluZVdlaWdodCI6MC4wLCJMaW5lVHlwZSI6MCwiUGFyZW50U3R5bGUiOm51bGx9LCJQYXJlbnRTdHlsZSI6bnVsbH0sIkRhdGVGb3JtYXQiOnsiJGlkIjoiMTA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aWQiOiIxMDY4IiwiQSI6MCwiUiI6MjU1LCJHIjoyNTUsIkIiOjI1NX19LCJJc1Zpc2libGUiOnRydWUsIldpZHRoIjowLjAsIkhlaWdodCI6MC4wLCJCb3JkZXJTdHlsZSI6bnVsbCwiUGFyZW50U3R5bGUiOm51bGx9LCJEYXRlRm9ybWF0Ijp7IiRpZCI6IjEw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AwIn0sIlBhZGRpbmciOnsiJHJlZiI6IjYwMSJ9LCJCYWNrZ3JvdW5kIjp7IiRpZCI6IjEyNTciLCJDb2xvciI6eyIkaWQiOiIxMjU4IiwiQSI6ODksIlIiOjAsIkciOjAsIkIiOjB9fSwiSXNWaXNpYmxlIjp0cnVlLCJXaWR0aCI6MC4wLCJIZWlnaHQiOjAuMCwiQm9yZGVyU3R5bGUiOm51bGwsIlBhcmVudFN0eWxlIjpudWxsfSwiRGF0ZUZvcm1hdCI6eyIkaWQiOiIxMj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xMjY3IiwiQ29sb3IiOnsiJGlkIjoiMTI2OCIsIkEiOjg5LCJSIjoxMTUsIkciOjExNSwiQiI6MTE1fX0sIklzVmlzaWJsZSI6dHJ1ZSwiV2lkdGgiOjAuMCwiSGVpZ2h0IjowLjAsIkJvcmRlclN0eWxlIjpudWxsLCJQYXJlbnRTdHlsZSI6bnVsbH0sIkR1cmF0aW9uU3R5bGUiOnsiJGlkIjoiMTI2OSIsIkZvbnRTZXR0aW5ncyI6eyIkaWQiOiIxMjcwIiwiRm9udFNpemUiOjEwLCJGb250TmFtZSI6IkNhbGlicmkiLCJJc0JvbGQiOmZhbHNlLCJJc0l0YWxpYyI6ZmFsc2UsIklzVW5kZXJsaW5lZCI6ZmFsc2UsIlBhcmVudFN0eWxlIjpudWxsfSwiQXV0b1NpemUiOjAsIkZvcmVncm91bmQiOnsiJGlkIjoiMTI3MSIsIkNvbG9yIjp7IiRpZCI6IjEy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Y2In0sIlBhZGRpbmciOnsiJHJlZiI6IjE2NyJ9LCJCYWNrZ3JvdW5kIjp7IiRpZCI6IjEyODciLCJDb2xvciI6eyIkaWQiOiIxMjg4IiwiQSI6ODksIlIiOjAsIkciOjAsIkIiOjB9fSwiSXNWaXNpYmxlIjp0cnVlLCJXaWR0aCI6MC4wLCJIZWlnaHQiOjAuMCwiQm9yZGVyU3R5bGUiOm51bGw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c1In0sIlBhZGRpbmciOnsiJHJlZiI6IjE3NiJ9LCJCYWNrZ3JvdW5kIjp7IiRpZCI6IjEyOTMiLCJDb2xvciI6eyIkaWQiOiIxMjk0IiwiQSI6ODksIlIiOjAsIkciOjAsIkIiOjB9fSwiSXNWaXNpYmxlIjp0cnVlLCJXaWR0aCI6MC4wLCJIZWlnaHQiOjAuMCwiQm9yZGVyU3R5bGUiOm51bGwsIlBhcmVudFN0eWxlIjpudWxsfSwiRGF0ZUZvcm1hdCI6eyIkaWQiOiIx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YiLCJGb3JtYXQiOjAsIklzVmlzaWJsZSI6ZmFsc2UsIkxhc3RLbm93blZpc2liaWxpdHlTdGF0ZSI6ZmFsc2V9LCJJc1Zpc2libGUiOnRydWUsIlBhcmVudFN0eWxlIjpudWxsLCJfZXhwbGljaXRseVNldCI6eyIkaWQiOiIxMjk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0OSxcIkdcIjo2MSxcIkJcIjo3N3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k4LFwiR1wiOjEyMSxcIkJcIjoxNTJ9fSxcIklzVmlzaWJsZVwiOnRydWUsXCJXaWR0aFwiOjg1OC4wLFwiSGVpZ2h0XCI6MTQuMzk5OTk5NjE4NTMwMjcz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5OCxcIkdcIjoxMjEsXCJCXCI6MTUyfX0sXCJJc1Zpc2libGVcIjp0cnVlLFwiV2lkdGhcIjo4NTguMCxcIkhlaWdodFwiOjE0LjM5OTk5OTYxODUzMDI3My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5NCxcIkdcIjo5NCxcIkJcIjo5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5NCxcIkdcIjo5NCxcIkJcIjo5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3My4wNzAyOTc5MzMxMTQxMzQsXCJSaWdodFwiOjAuMCxcIkJvdHRvbVwiOjAuMH0sXCJQYWRkaW5nXCI6e1wiJGlkXCI6XCI0MlwiLFwiVG9wXCI6MC4wLFwiTGVmdFwiOjAuMCxcIlJpZ2h0XCI6MC4wLFwiQm90dG9tXCI6MC4wfSxcIkJhY2tncm91bmRcIjp7XCIkaWRcIjpcIjQzXCIsXCJDb2xvclwiOntcIiRyZWZcIjpcIjM2XCJ9fSxcIklzVmlzaWJsZVwiOnRydW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0LFwiRm9udE5hbWVcIjpcIkNhbGlicmlcIixcIklzQm9sZFwiOnRydW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lwiLFwiVG9wXCI6MC4wLFwiTGVmdFwiOjAuMCxcIlJpZ2h0XCI6MC4wLFwiQm90dG9tXCI6MC4wfSxcIlBhZGRpbmdcIjp7XCIkaWRcIjpcIjEwM1wiLFwiVG9wXCI6MC4wLFwiTGVmdFwiOjAuMCxcIlJpZ2h0XCI6MC4wLFwiQm90dG9tXCI6MC4wfSxcIkJhY2tncm91bmRcIjp7XCIkaWRcIjpcIjEwNFwiLFwiQ29sb3JcIjp7XCIkaWRcIjpcIjEwNVwiLFwiQVwiOjg5LFwiUlwiOjAsXCJHXCI6MCxcIkJcIjow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EwNVwifX0sXCJJc1Zpc2libGVcIjp0cnVlLFwiV2lkdGhcIjowLjAsXCJIZWlnaHRcIjowLjAsXCJCb3JkZXJTdHlsZVwiOm51bGx9LFwiRGF0ZUZvcm1hdFwiOntcIiRpZFwiOlwiMTEz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lwiLFwiVG9wXCI6MC4wLFwiTGVmdFwiOjAuMCxcIlJpZ2h0XCI6MC4wLFwiQm90dG9tXCI6MC4wfSxcIlBhZGRpbmdcIjp7XCIkaWRcIjpcIjE1N1wiLFwiVG9wXCI6MC4wLFwiTGVmdFwiOjAuMCxcIlJpZ2h0XCI6MC4wLFwiQm90dG9tXCI6MC4wfSxcIkJhY2tncm91bmRcIjp7XCIkaWRcIjpcIjE1OFwiLFwiQ29sb3JcIjp7XCIkcmVmXCI6XCIxMDVcIn19LFwiSXNWaXNpYmxlXCI6dHJ1ZSxcIldpZHRoXCI6MC4wLFwiSGVpZ2h0XCI6MC4wLFwiQm9yZGVyU3R5bGVcIjpudWxsfSxcIkRhdGVGb3JtYXRcIjp7XCIkaWRcIjpcIjE1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7XCIkaWRcIjpcIjE5MVwiLFwiQ29sb3JcIjp7XCIkaWRcIjpcIjE5MlwiLFwiQVwiOjAsXCJSXCI6MjU1LFwiR1wiOjI1NSxcIkJcIjoyNTV9fSxcIklzVmlzaWJsZVwiOnRydWUsXCJXaWR0aFwiOjAuMCxcIkhlaWdodFwiOjAuMCxcIkJvcmRlclN0eWxlXCI6e1wiJGlkXCI6XCIxOTNcIixcIkxpbmVDb2xvclwiOm51bGwsXCJMaW5lV2VpZ2h0XCI6MC4wLFwiTGluZVR5cGVcIjowfX0sXCJEYXRlRm9ybWF0XCI6e1wiJGlkXCI6XCIxOTRcIixcIkZvcm1hdFN0cmluZ1wiOlwiTU1NTS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AsXCJSXCI6MjU1LFwiR1wiOjI1NSxcIkJcIjoyNTV9fSxcIklzVmlzaWJsZVwiOnRydWUsXCJXaWR0aFwiOjAuMCxcIkhlaWdodFwiOjAuMCxcIkJvcmRlclN0eWxlXCI6e1wiJGlkXCI6XCIyNjNcIixcIkxpbmVDb2xvclwiOm51bGwsXCJMaW5lV2VpZ2h0XCI6MC4wLFwiTGluZVR5cGVcIjowfX0sXCJEYXRlRm9ybWF0XCI6e1wiJGlkXCI6XCIyNjRcIixcIkZvcm1hdFN0cmluZ1wiOlwiTU1NTS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I3MlwiLFwiVG9wXCI6MC4wLFwiTGVmdFwiOjAuMCxcIlJpZ2h0XCI6MC4wLFwiQm90dG9tXCI6MC4wfSxcIlBhZGRpbmdcIjp7XCIkaWRcIjpcIjI3M1wiLFwiVG9wXCI6MC4wLFwiTGVmdFwiOjAuMCxcIlJpZ2h0XCI6MC4wLFwiQm90dG9tXCI6MC4wfSxcIkJhY2tncm91bmRcIjpudWxsLFwiSXNWaXNpYmxlXCI6ZmFsc2UsXCJXaWR0aFwiOjAuMCxcIkhlaWdodFwiOjAuMCxcIkJvcmRlclN0eWxlXCI6bnVsbH0sXCJSZWN0YW5nbGVTdHlsZVwiOntcIiRpZFwiOlwiMjc0XCI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udWxsLFwiSXNWaXNpYmxlXCI6ZmFsc2UsXCJXaWR0aFwiOjAuMCxcIkhlaWdodFwiOjAuMCxcIkJvcmRlclN0eWxlXCI6bnVsbH0sXCJSZWN0YW5nbGVTdHlsZVwiOntcIiRpZFwiOlwiMjk4XCI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YzLFwiUlwiOjE2NSxcIkdcIjoxNjUsXCJCXCI6MTY1fX0sXCJJc1Zpc2libGVcIjpmYWxzZSxcIldpZHRoXCI6MC4wLFwiSGVpZ2h0XCI6MC4wLFwiQm9yZGVyU3R5bGVcIjp7XCIkaWRcIjpcIjMwM1wiLFwiTGluZUNvbG9yXCI6e1wiJGlkXCI6XCIzMDRcIixcIiR0eXBlXCI6XCJOTFJFLkNvbW1vbi5Eb20uU29saWRDb2xvckJydXNoLCBOTFJFLkNvbW1vblwiLFwiQ29sb3JcIjp7XCIkaWRcIjpcIjMwNVwiLFwiQVwiOjI1NSxcIlJcIjoyNTUsXCJHXCI6MCxcIkJcIjowfX0sXCJMaW5lV2VpZ2h0XCI6MC4wLFwiTGluZVR5cGVcIjow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TY1LFwiR1wiOjE2NSxcIkJcIjoxNjV9fSxcIklzVmlzaWJsZVwiOnRydWUsXCJXaWR0aFwiOjAuMCxcIkhlaWdodFwiOjAuMCxcIkJvcmRlclN0eWxlXCI6e1wiJGlkXCI6XCIzMTFcIixcIkxpbmVDb2xvclwiOntcIiRpZFwiOlwiMzEyXCIsXCIkdHlwZVwiOlwiTkxSRS5Db21tb24uRG9tLlNvbGlkQ29sb3JCcnVzaCwgTkxSRS5Db21tb25cIixcIkNvbG9yXCI6e1wiJGlkXCI6XCIzMTN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wLFwiUlwiOjI1NSxcIkdcIjoyNTUsXCJCXCI6MjU1fX0sXCJJc1Zpc2libGVcIjpmYWxzZSxcIldpZHRoXCI6MC4wLFwiSGVpZ2h0XCI6MC4wLFwiQm9yZGVyU3R5bGVcIjp7XCIkaWRcIjpcIjQyMlwiLFwiTGluZUNvbG9yXCI6bnVsbCxcIkxpbmVXZWlnaHRcIjowLjAsXCJMaW5lVHlwZVwiOjB9fSxcIkRhdGVGb3JtYXRcIjp7XCIkaWRcIjpcIjQy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OFwiLFwiVGFza1N0eWxlXCI6e1wiJGlkXCI6XCI0NzlcIixcIlNoYXBlXCI6MixcIlNoYXBlVGhpY2tuZXNzXCI6MCxcIkR1cmF0aW9uRm9ybWF0XCI6NSxcIlBlcmNlbnRhZ2VDb21wbGV0ZVN0eWxlXCI6e1wiJGlkXCI6XCI0ODBcIixcIkZvbnRTZXR0aW5nc1wiOntcIiRpZFwiOlwiNDgxXCIsXCJGb250U2l6ZVwiOjEwLFwiRm9udE5hbWVcIjpcIkNhbGlicmlcIixcIklzQm9sZFwiOmZhbHNlLFwiSXNJdGFsaWNcIjpmYWxzZSxcIklzVW5kZXJsaW5lZFwiOmZhbHNlfSxcIkF1dG9TaXplXCI6MCxcIkZvcmVncm91bmRcIjp7XCIkaWRcIjpcIjQ4MlwiLFwiQ29sb3JcIjp7XCIkaWRcIjpcIjQ4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jE3XCIsXCJUYXNrU3R5bGVcIjp7XCIkaWRcIjpcIjYxOFwiLFwiU2hhcGVcIjoyLFwiU2hhcGVUaGlja25lc3NcIjowLFwiRHVyYXRpb25Gb3JtYXRcIjo1LFwiUGVyY2VudGFnZUNvbXBsZXRlU3R5bGVcIjp7XCIkaWRcIjpcIjYxOVwiLFwiRm9udFNldHRpbmdzXCI6e1wiJGlkXCI6XCI2MjBcIixcIkZvbnRTaXplXCI6MTAsXCJGb250TmFtZVwiOlwiQ2FsaWJyaVwiLFwiSXNCb2xkXCI6ZmFsc2UsXCJJc0l0YWxpY1wiOmZhbHNlLFwiSXNVbmRlcmxpbmVkXCI6ZmFsc2V9LFwiQXV0b1NpemVcIjowLFwiRm9yZWdyb3VuZFwiOntcIiRpZFwiOlwiNjIxXCIsXCJDb2xvclwiOntcIiRpZFwiOlwiNjI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2NzBcIixcIkhlYWRlclN0eWxlXCI6e1wiJGlkXCI6XCI2NzFcIixcIlRleHRTdHlsZVwiOntcIiRpZFwiOlwiNjcyXCIsXCJGb250U2V0dGluZ3NcIjp7XCIkaWRcIjpcIjY3M1wiLFwiRm9udFNpemVcIjoxMixcIkZvbnROYW1lXCI6XCJDYWxpYnJpXCIsXCJJc0JvbGRcIjp0cnVlLFwiSXNJdGFsaWNcIjpmYWxzZSxcIklzVW5kZXJsaW5lZFwiOmZhbHNlfSxcIkF1dG9TaXplXCI6MCxcIkZvcmVncm91bmRcIjp7XCIkaWRcIjpcIjY3NFwiLFwiQ29sb3JcIjp7XCIkaWRcIjpcIjY3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QyNFwifX0sXCJJc1Zpc2libGVcIjp0cnVlLFwiR3JvdXBJZFwiOlwiNDBkMTE0ZjUtNDJiNi00OGI5LTkwZmMtMjU1NmY2MjM1ZmU5XCJ9LHtcIiRpZFwiOlwiNzcwXCIsXCJUaXRsZVN0eWxlXCI6e1wiJGlkXCI6XCI3NzFcIixcIkZvbnRTZXR0aW5nc1wiOntcIiRpZFwiOlwiNzcyXCIsXCJGb250U2l6ZVwiOjExLFwiRm9udE5hbWVcIjpcIkNhbGlicmlcIixcIklzQm9sZFwiOnRydWUsXCJJc0l0YWxpY1wiOmZhbHNlLFwiSXNVbmRlcmxpbmVkXCI6ZmFsc2V9LFwiQXV0b1NpemVcIjowLFwiRm9yZWdyb3VuZFwiOntcIiRpZFwiOlwiNzczXCIsXCJDb2xvclwiOntcIiRpZFwiOlwiNzc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Q5XCIsXCJUYXNrU3R5bGVcIjp7XCIkaWRcIjpcIjg1MFwiLFwiU2hhcGVcIjoyLFwiU2hhcGVUaGlja25lc3NcIjowLFwiRHVyYXRpb25Gb3JtYXRcIjo1LFwiUGVyY2VudGFnZUNvbXBsZXRlU3R5bGVcIjp7XCIkaWRcIjpcIjg1MVwiLFwiRm9udFNldHRpbmdzXCI6e1wiJGlkXCI6XCI4NTJcIixcIkZvbnRTaXplXCI6MTAsXCJGb250TmFtZVwiOlwiQ2FsaWJyaVwiLFwiSXNCb2xkXCI6ZmFsc2UsXCJJc0l0YWxpY1wiOmZhbHNlLFwiSXNVbmRlcmxpbmVkXCI6ZmFsc2V9LFwiQXV0b1NpemVcIjowLFwiRm9yZWdyb3VuZFwiOntcIiRpZFwiOlwiODUzXCIsXCJDb2xvclwiOntcIiRpZFwiOlwiODU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e1wiJGlkXCI6XCI4OTFcIixcIkxpbmVDb2xvclwiOm51bGwsXCJMaW5lV2VpZ2h0XCI6MC4wLFwiTGluZVR5cGVcIjowfX0sXCJEYXRlU3R5bGVcIjp7XCIkaWRcIjpcIjg5MlwiLFwiRm9udFNldHRpbmdzXCI6e1wiJGlkXCI6XCI4OTNcIixcIkZvbnRTaXplXCI6MTAsXCJGb250TmFtZVwiOlwiQ2FsaWJyaVwiLFwiSXNCb2xkXCI6ZmFsc2UsXCJJc0l0YWxpY1wiOmZhbHNlLFwiSXNVbmRlcmxpbmVkXCI6ZmFsc2V9LFwiQXV0b1NpemVcIjowLFwiRm9yZWdyb3VuZFwiOntcIiRpZFwiOlwiODk0XCIsXCJDb2xvclwiOntcIiRpZFwiOlwiODk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TAyXCIsXCJUYXNrU3R5bGVcIjp7XCIkaWRcIjpcIjkwM1wiLFwiU2hhcGVcIjoyLFwiU2hhcGVUaGlja25lc3NcIjowLFwiRHVyYXRpb25Gb3JtYXRcIjo1LFwiUGVyY2VudGFnZUNvbXBsZXRlU3R5bGVcIjp7XCIkaWRcIjpcIjkwNFwiLFwiRm9udFNldHRpbmdzXCI6e1wiJGlkXCI6XCI5MDVcIixcIkZvbnRTaXplXCI6MTAsXCJGb250TmFtZVwiOlwiQ2FsaWJyaVwiLFwiSXNCb2xkXCI6ZmFsc2UsXCJJc0l0YWxpY1wiOmZhbHNlLFwiSXNVbmRlcmxpbmVkXCI6ZmFsc2V9LFwiQXV0b1NpemVcIjowLFwiRm9yZWdyb3VuZFwiOntcIiRpZFwiOlwiOTA2XCIsXCJDb2xvclwiOntcIiRpZFwiOlwiOTA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pZFwiOlwiOTUxXCIsXCJDb2xvclwiOntcIiRpZFwiOlwiOTUyXCIsXCJBXCI6MCxcIlJcIjoyNTUsXCJHXCI6MjU1LFwiQlwiOjI1NX19LFwiSXNWaXNpYmxlXCI6dHJ1ZSxcIldpZHRoXCI6MC4wLFwiSGVpZ2h0XCI6MC4wLFwiQm9yZGVyU3R5bGVcIjp7XCIkaWRcIjpcIjk1M1wiLFwiTGluZUNvbG9yXCI6bnVsbCxcIkxpbmVXZWlnaHRcIjowLjAsXCJMaW5lVHlwZVwiOjB9fSxcIkRhdGVGb3JtYXRcIjp7XCIkaWRcIjpcIjk1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1NVwiLFwiVGFza1N0eWxlXCI6e1wiJGlkXCI6XCI5NTZcIixcIlNoYXBlXCI6MixcIlNoYXBlVGhpY2tuZXNzXCI6MSxcIkR1cmF0aW9uRm9ybWF0XCI6NSxcIlBlcmNlbnRhZ2VDb21wbGV0ZVN0eWxlXCI6e1wiJGlkXCI6XCI5NTdcIixcIkZvbnRTZXR0aW5nc1wiOntcIiRpZFwiOlwiOTU4XCIsXCJGb250U2l6ZVwiOjEwLFwiRm9udE5hbWVcIjpcIkNhbGlicmlcIixcIklzQm9sZFwiOmZhbHNlLFwiSXNJdGFsaWNcIjpmYWxzZSxcIklzVW5kZXJsaW5lZFwiOmZhbHNlfSxcIkF1dG9TaXplXCI6MCxcIkZvcmVncm91bmRcIjp7XCIkaWRcIjpcIjk1OVwiLFwiQ29sb3JcIjp7XCIkaWRcIjpcIjk2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yMDJcIixcIlRhc2tTdHlsZVwiOntcIiRpZFwiOlwiMTIwM1wiLFwiU2hhcGVcIjoyLFwiU2hhcGVUaGlja25lc3NcIjowLFwiRHVyYXRpb25Gb3JtYXRcIjo1LFwiUGVyY2VudGFnZUNvbXBsZXRlU3R5bGVcIjp7XCIkaWRcIjpcIjEyMDRcIixcIkZvbnRTZXR0aW5nc1wiOntcIiRpZFwiOlwiMTIwNVwiLFwiRm9udFNpemVcIjoxMCxcIkZvbnROYW1lXCI6XCJDYWxpYnJpXCIsXCJJc0JvbGRcIjpmYWxzZSxcIklzSXRhbGljXCI6ZmFsc2UsXCJJc1VuZGVybGluZWRcIjpmYWxzZX0sXCJBdXRvU2l6ZVwiOjAsXCJGb3JlZ3JvdW5kXCI6e1wiJGlkXCI6XCIxMjA2XCIsXCJDb2xvclwiOntcIiRpZFwiOlwiMTIw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I1NVwiLFwiVGFza1N0eWxlXCI6e1wiJGlkXCI6XCIxMjU2XCIsXCJTaGFwZVwiOjIsXCJTaGFwZVRoaWNrbmVzc1wiOjAsXCJEdXJhdGlvbkZvcm1hdFwiOjUsXCJQZXJjZW50YWdlQ29tcGxldGVTdHlsZVwiOntcIiRpZFwiOlwiMTI1N1wiLFwiRm9udFNldHRpbmdzXCI6e1wiJGlkXCI6XCIxMjU4XCIsXCJGb250U2l6ZVwiOjEw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5679784-fa9c-4ac8-840c-1688e3922ac4"/>
  <p:tag name="OTLDEPDESTINATIONID" val="66d8b460-e3de-4ffb-bd80-a1905cd64a87"/>
  <p:tag name="OTLDEPENDENCYLAGUNIT" val="Undefined"/>
  <p:tag name="OTLDEPENDENCYLAGVALUE" val="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82eeeadb-221c-4beb-96c7-648a99c774ac"/>
  <p:tag name="OTLMTITLE" val="Milestone"/>
  <p:tag name="OTLDATEFORMATSTRING" val="MMM d"/>
  <p:tag name="OTLDATE" val="2023-09-08T00:00:00.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POSITIONONTASK" val="Center"/>
  <p:tag name="OTLRELATEDTASKID" val="caba96a4-76d3-43ae-9b83-73c316513bfd"/>
  <p:tag name="OTLDATE" val="2023-09-11T00:00:00.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3-09-20T00:00:00.0000000"/>
  <p:tag name="OTLPOSITIONONTASK" val="Center"/>
  <p:tag name="OTLRELATEDTASKID" val="030a1884-2e98-49d9-b063-6a1d7e3cda97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POSITIONONTASK" val="Center"/>
  <p:tag name="OTLRELATEDTASKID" val="c6bf9e58-cf80-44b8-b3d2-8126feed809d"/>
  <p:tag name="OTLDATE" val="2023-09-15T00:00:00.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6d8b460-e3de-4ffb-bd80-a1905cd64a87"/>
  <p:tag name="OTLDEPDESTINATIONID" val="dba145c7-4697-4da4-a1da-f813eb9c4191"/>
  <p:tag name="OTLDEPENDENCYLAGUNIT" val="Undefined"/>
  <p:tag name="OTLDEPENDENCYLAGVALUE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82eeeadb-221c-4beb-96c7-648a99c774ac"/>
  <p:tag name="OTLDEPDESTINATIONID" val="c6bf9e58-cf80-44b8-b3d2-8126feed809d"/>
  <p:tag name="OTLDEPENDENCYLAGUNIT" val="Undefined"/>
  <p:tag name="OTLDEPENDENCYLAGVALU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2fc1c5d-f523-4eff-947a-d3a886130acd"/>
  <p:tag name="OTLDEPDESTINATIONID" val="56b1b710-7316-4759-90f6-fdc9fd25c75b"/>
  <p:tag name="OTLDEPENDENCYLAGUNIT" val="Undefined"/>
  <p:tag name="OTLDEPENDENCYLAGVALUE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c1124b1f-9168-418f-8aed-cc5906c4e675"/>
  <p:tag name="OTLDEPDESTINATIONID" val="72fc1c5d-f523-4eff-947a-d3a886130acd"/>
  <p:tag name="OTLDEPENDENCYLAGUNIT" val="Undefined"/>
  <p:tag name="OTLDEPENDENCYLAGVALU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Top"/>
  <p:tag name="OTLDEPSOURCEID" val="dba145c7-4697-4da4-a1da-f813eb9c4191"/>
  <p:tag name="OTLDEPDESTINATIONID" val="01d5f24f-df8d-4e6f-9546-38a4ab19bcb7"/>
  <p:tag name="OTLDEPENDENCYLAGUNIT" val="Undefined"/>
  <p:tag name="OTLDEPENDENCYLAGVALUE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USETIME" val="True"/>
  <p:tag name="OTLTIMEBANDTHREEDEFFECTS" val="None"/>
  <p:tag name="OTLTIMEBANDAUTODATERANGE" val="False"/>
  <p:tag name="OTLTIMEBANDENDDATE" val="2023-09-30T23:59:00.0000000"/>
  <p:tag name="OTLTIMEBANDSTARTDATE" val="2023-08-31T00:00:00.0000000"/>
  <p:tag name="OTLLEFTENDCAPSMARGINLEFT" val="54.5088944243421"/>
  <p:tag name="OTLTIMEBANDRESERVEDLEFTAREAWIDTH" val="57.1497878269684"/>
  <p:tag name="OTLTIMEBANDSCALETYPE" val="Days"/>
  <p:tag name="OTLTIMEBANDSCALEFORMAT" val="d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CALETYPE" val="Days"/>
  <p:tag name="OTLTIMEBANDSCALEFORMAT" val="ddd"/>
  <p:tag name="OTLTIMEBANDUSETIME" val="True"/>
  <p:tag name="OTLTIMEBANDTHREEDEFFECTS" val="None"/>
  <p:tag name="OTLTIMEBANDAUTODATERANGE" val="False"/>
  <p:tag name="OTLTIMEBANDENDDATE" val="2023-09-30T23:59:00.0000000"/>
  <p:tag name="OTLTIMEBANDSTARTDATE" val="2023-08-31T00:00:00.0000000"/>
  <p:tag name="OTLLEFTENDCAPSMARGINLEFT" val="54.5088944243421"/>
  <p:tag name="OTLTIMEBANDRESERVEDLEFTAREAWIDTH" val="57.149787826968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n"/>
  <p:tag name="OTLENDDATE" val="2023-09-11T23:59:00.0000000Z"/>
  <p:tag name="OTLSTARTDATE" val="2023-09-07T00:00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n"/>
  <p:tag name="OTLSTARTDATE" val="2023-09-12T00:00:00.0000000Z"/>
  <p:tag name="OTLENDDATE" val="2023-09-14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n"/>
  <p:tag name="OTLENDDATE" val="2023-09-20T23:59:00.0000000Z"/>
  <p:tag name="OTLSTARTDATE" val="2023-09-15T00:00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01T00:00:00.0000000Z"/>
  <p:tag name="OTLENDDATE" val="2023-09-12T23:59:00.0000000Z"/>
  <p:tag name="OTLDURATIONFORMAT" val="day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9-04T00:00:00.0000000Z"/>
  <p:tag name="OTLENDDATE" val="2023-09-07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12T00:00:00.0000000Z"/>
  <p:tag name="OTLENDDATE" val="2023-09-21T23:59:00.0000000Z"/>
  <p:tag name="OTLDURATIONFORMAT" val="day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n"/>
  <p:tag name="OTLSTARTDATE" val="2023-09-06T00:00:00.0000000Z"/>
  <p:tag name="OTLENDDATE" val="2023-09-15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n"/>
  <p:tag name="OTLSTARTDATE" val="2023-09-11T00:00:00.0000000Z"/>
  <p:tag name="OTLENDDATE" val="2023-09-15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9-21T00:00:00.0000000Z"/>
  <p:tag name="OTLENDDATE" val="2023-09-28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9-01T00:00:00.0000000Z"/>
  <p:tag name="OTLENDDATE" val="2023-09-06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end"/>
  <p:tag name="OTLDATE" val="2023-09-28T23:59:00.0000000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rt"/>
  <p:tag name="OTLDATE" val="2023-09-01T00:00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6b1b710-7316-4759-90f6-fdc9fd25c75b"/>
  <p:tag name="OTLDEPDESTINATIONID" val="25679784-fa9c-4ac8-840c-1688e3922ac4"/>
  <p:tag name="OTLDEPENDENCYLAGUNIT" val="Undefined"/>
  <p:tag name="OTLDEPENDENCYLAGVALUE" val="0"/>
  <p:tag name="OTLDEPENDENCYLAGISELAPSED" val="Fals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7</Words>
  <Application>Microsoft Office PowerPoint</Application>
  <PresentationFormat>Widescreen</PresentationFormat>
  <Paragraphs>6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6T14:48:58Z</dcterms:created>
  <dcterms:modified xsi:type="dcterms:W3CDTF">2023-01-30T14:57:02Z</dcterms:modified>
</cp:coreProperties>
</file>